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2481\デスクトップ\2要望調査HP掲載（市⇒事業者）\"/>
    </mc:Choice>
  </mc:AlternateContent>
  <bookViews>
    <workbookView xWindow="-750" yWindow="75" windowWidth="19440" windowHeight="10845"/>
  </bookViews>
  <sheets>
    <sheet name="別添１ " sheetId="60" r:id="rId1"/>
  </sheets>
  <definedNames>
    <definedName name="_xlnm.Print_Area" localSheetId="0">'別添１ '!$A$1:$BE$96</definedName>
  </definedNames>
  <calcPr calcId="162913"/>
</workbook>
</file>

<file path=xl/sharedStrings.xml><?xml version="1.0" encoding="utf-8"?>
<sst xmlns="http://schemas.openxmlformats.org/spreadsheetml/2006/main" count="179" uniqueCount="92">
  <si>
    <t>計画名称</t>
    <rPh sb="0" eb="2">
      <t>ケイカク</t>
    </rPh>
    <rPh sb="2" eb="4">
      <t>メイショウ</t>
    </rPh>
    <phoneticPr fontId="2"/>
  </si>
  <si>
    <t>都道府県名</t>
    <rPh sb="0" eb="4">
      <t>トドウフケン</t>
    </rPh>
    <rPh sb="4" eb="5">
      <t>メイ</t>
    </rPh>
    <phoneticPr fontId="2"/>
  </si>
  <si>
    <t>市町村名</t>
    <rPh sb="0" eb="3">
      <t>シチョウソン</t>
    </rPh>
    <rPh sb="3" eb="4">
      <t>メイ</t>
    </rPh>
    <phoneticPr fontId="2"/>
  </si>
  <si>
    <t>担当係名</t>
    <rPh sb="0" eb="2">
      <t>タントウ</t>
    </rPh>
    <rPh sb="2" eb="3">
      <t>カカリ</t>
    </rPh>
    <rPh sb="3" eb="4">
      <t>メイ</t>
    </rPh>
    <phoneticPr fontId="2"/>
  </si>
  <si>
    <t>担当者名</t>
    <rPh sb="0" eb="2">
      <t>タントウ</t>
    </rPh>
    <rPh sb="2" eb="3">
      <t>シャ</t>
    </rPh>
    <rPh sb="3" eb="4">
      <t>メイ</t>
    </rPh>
    <phoneticPr fontId="2"/>
  </si>
  <si>
    <t>担当課名</t>
    <rPh sb="0" eb="2">
      <t>タントウ</t>
    </rPh>
    <rPh sb="2" eb="3">
      <t>カ</t>
    </rPh>
    <rPh sb="3" eb="4">
      <t>メイ</t>
    </rPh>
    <phoneticPr fontId="2"/>
  </si>
  <si>
    <t>先 進 的 事 業 整 備 計 画 書</t>
    <rPh sb="0" eb="1">
      <t>サキ</t>
    </rPh>
    <rPh sb="2" eb="3">
      <t>ススム</t>
    </rPh>
    <rPh sb="4" eb="5">
      <t>マト</t>
    </rPh>
    <rPh sb="6" eb="7">
      <t>コト</t>
    </rPh>
    <rPh sb="8" eb="9">
      <t>ギョウ</t>
    </rPh>
    <rPh sb="10" eb="11">
      <t>タダシ</t>
    </rPh>
    <rPh sb="12" eb="13">
      <t>ソナエ</t>
    </rPh>
    <rPh sb="14" eb="15">
      <t>ケイ</t>
    </rPh>
    <rPh sb="16" eb="17">
      <t>ガ</t>
    </rPh>
    <rPh sb="18" eb="19">
      <t>ショ</t>
    </rPh>
    <phoneticPr fontId="2"/>
  </si>
  <si>
    <t>１．先進的な事業を行うための基盤整備に関する目標</t>
    <rPh sb="2" eb="5">
      <t>センシンテキ</t>
    </rPh>
    <rPh sb="6" eb="8">
      <t>ジギョウ</t>
    </rPh>
    <rPh sb="9" eb="10">
      <t>オコナ</t>
    </rPh>
    <rPh sb="14" eb="16">
      <t>キバン</t>
    </rPh>
    <rPh sb="16" eb="18">
      <t>セイビ</t>
    </rPh>
    <rPh sb="19" eb="20">
      <t>カン</t>
    </rPh>
    <rPh sb="22" eb="24">
      <t>モクヒョウ</t>
    </rPh>
    <phoneticPr fontId="2"/>
  </si>
  <si>
    <t>交付基準単価</t>
    <rPh sb="0" eb="2">
      <t>コウフ</t>
    </rPh>
    <rPh sb="2" eb="4">
      <t>キジュン</t>
    </rPh>
    <rPh sb="4" eb="6">
      <t>タンカ</t>
    </rPh>
    <phoneticPr fontId="2"/>
  </si>
  <si>
    <t>備考</t>
    <rPh sb="0" eb="2">
      <t>ビコウ</t>
    </rPh>
    <phoneticPr fontId="2"/>
  </si>
  <si>
    <t>(単位：千円）</t>
    <rPh sb="1" eb="3">
      <t>タンイ</t>
    </rPh>
    <rPh sb="4" eb="6">
      <t>センエン</t>
    </rPh>
    <phoneticPr fontId="2"/>
  </si>
  <si>
    <t>開設年月日</t>
    <rPh sb="0" eb="2">
      <t>カイセツ</t>
    </rPh>
    <rPh sb="2" eb="5">
      <t>ネンガッピ</t>
    </rPh>
    <phoneticPr fontId="2"/>
  </si>
  <si>
    <t>連絡先
（直通）</t>
    <rPh sb="5" eb="7">
      <t>チョクツウ</t>
    </rPh>
    <phoneticPr fontId="2"/>
  </si>
  <si>
    <t>施設の種類</t>
    <rPh sb="0" eb="2">
      <t>シセツ</t>
    </rPh>
    <rPh sb="3" eb="5">
      <t>シュルイ</t>
    </rPh>
    <phoneticPr fontId="2"/>
  </si>
  <si>
    <t>施設の名称</t>
    <rPh sb="0" eb="2">
      <t>シセツ</t>
    </rPh>
    <rPh sb="3" eb="5">
      <t>メイショウ</t>
    </rPh>
    <phoneticPr fontId="2"/>
  </si>
  <si>
    <t>設置主体</t>
    <rPh sb="0" eb="2">
      <t>セッチ</t>
    </rPh>
    <rPh sb="2" eb="4">
      <t>シュタイ</t>
    </rPh>
    <phoneticPr fontId="2"/>
  </si>
  <si>
    <t>建物の
竣工年月日</t>
    <rPh sb="0" eb="2">
      <t>タテモノ</t>
    </rPh>
    <rPh sb="4" eb="6">
      <t>シュンコウ</t>
    </rPh>
    <rPh sb="6" eb="9">
      <t>ネンガッピ</t>
    </rPh>
    <phoneticPr fontId="2"/>
  </si>
  <si>
    <t>事業内容
（どのような危険性を改善するためのどのような
事業内容か、具体的に明記）</t>
    <rPh sb="0" eb="2">
      <t>ジギョウ</t>
    </rPh>
    <rPh sb="2" eb="4">
      <t>ナイヨウ</t>
    </rPh>
    <phoneticPr fontId="2"/>
  </si>
  <si>
    <t>国土強靭化地域計画への記載</t>
    <rPh sb="0" eb="2">
      <t>コクド</t>
    </rPh>
    <rPh sb="2" eb="4">
      <t>キョウジン</t>
    </rPh>
    <rPh sb="4" eb="5">
      <t>カ</t>
    </rPh>
    <rPh sb="5" eb="7">
      <t>チイキ</t>
    </rPh>
    <rPh sb="7" eb="9">
      <t>ケイカク</t>
    </rPh>
    <rPh sb="11" eb="13">
      <t>キサイ</t>
    </rPh>
    <phoneticPr fontId="2"/>
  </si>
  <si>
    <t>総事業費</t>
    <rPh sb="0" eb="1">
      <t>ソウ</t>
    </rPh>
    <rPh sb="1" eb="4">
      <t>ジギョウヒ</t>
    </rPh>
    <phoneticPr fontId="2"/>
  </si>
  <si>
    <t xml:space="preserve">
交付(予定)額</t>
    <rPh sb="1" eb="3">
      <t>コウフ</t>
    </rPh>
    <rPh sb="4" eb="6">
      <t>ヨテイ</t>
    </rPh>
    <rPh sb="7" eb="8">
      <t>ガク</t>
    </rPh>
    <phoneticPr fontId="2"/>
  </si>
  <si>
    <t>施設の名称
及び
設置主体</t>
    <rPh sb="0" eb="2">
      <t>シセツ</t>
    </rPh>
    <rPh sb="3" eb="5">
      <t>メイショウ</t>
    </rPh>
    <rPh sb="6" eb="7">
      <t>オヨ</t>
    </rPh>
    <rPh sb="9" eb="11">
      <t>セッチ</t>
    </rPh>
    <rPh sb="11" eb="13">
      <t>シュタイ</t>
    </rPh>
    <phoneticPr fontId="2"/>
  </si>
  <si>
    <t>定員数
（人）</t>
    <rPh sb="0" eb="2">
      <t>テイイン</t>
    </rPh>
    <rPh sb="2" eb="3">
      <t>スウ</t>
    </rPh>
    <rPh sb="5" eb="6">
      <t>ニン</t>
    </rPh>
    <phoneticPr fontId="2"/>
  </si>
  <si>
    <t>事業内容
（どのような危険性を改善するためのどのような事業内容か、具体的に明記）</t>
    <rPh sb="0" eb="2">
      <t>ジギョウ</t>
    </rPh>
    <rPh sb="2" eb="4">
      <t>ナイヨウ</t>
    </rPh>
    <phoneticPr fontId="2"/>
  </si>
  <si>
    <t>対象経費の実支出
（予定）額</t>
    <rPh sb="0" eb="2">
      <t>タイショウ</t>
    </rPh>
    <rPh sb="2" eb="4">
      <t>ケイヒ</t>
    </rPh>
    <rPh sb="5" eb="6">
      <t>ジツ</t>
    </rPh>
    <rPh sb="6" eb="8">
      <t>シシュツ</t>
    </rPh>
    <rPh sb="10" eb="12">
      <t>ヨテイ</t>
    </rPh>
    <rPh sb="13" eb="14">
      <t>ガク</t>
    </rPh>
    <phoneticPr fontId="2"/>
  </si>
  <si>
    <t>協議対象となる部分の改築・改修年月日
（該当ある場合のみ記載）</t>
    <rPh sb="10" eb="12">
      <t>カイチク</t>
    </rPh>
    <rPh sb="13" eb="15">
      <t>カイシュウ</t>
    </rPh>
    <rPh sb="15" eb="18">
      <t>ネンガッピ</t>
    </rPh>
    <rPh sb="20" eb="22">
      <t>ガイトウ</t>
    </rPh>
    <rPh sb="24" eb="26">
      <t>バアイ</t>
    </rPh>
    <rPh sb="28" eb="30">
      <t>キサイ</t>
    </rPh>
    <phoneticPr fontId="2"/>
  </si>
  <si>
    <t>軽費老人ホーム（ケアハウス・Ａ型・Ｂ型）</t>
  </si>
  <si>
    <t>介護老人保健施設</t>
  </si>
  <si>
    <t>介護医療院</t>
  </si>
  <si>
    <t>養護老人ホーム</t>
  </si>
  <si>
    <t>有料老人ホーム</t>
  </si>
  <si>
    <t>老人福祉センター（特Ａ型・Ａ型・Ｂ型）</t>
  </si>
  <si>
    <t>老人福祉施設付設作業所</t>
  </si>
  <si>
    <t>老人介護支援センター（在宅介護支援センター）</t>
  </si>
  <si>
    <t>在宅複合型施設</t>
  </si>
  <si>
    <t>小規模ケアハウス</t>
  </si>
  <si>
    <t>都市型軽費老人ホーム</t>
  </si>
  <si>
    <t>小規模介護老人保健施設</t>
  </si>
  <si>
    <t>小規模介護医療院</t>
    <rPh sb="0" eb="3">
      <t>ショウキボ</t>
    </rPh>
    <phoneticPr fontId="3"/>
  </si>
  <si>
    <t>小規模養護老人ホーム</t>
  </si>
  <si>
    <t>小規模有料老人ホーム</t>
    <rPh sb="0" eb="3">
      <t>ショウキボ</t>
    </rPh>
    <phoneticPr fontId="3"/>
  </si>
  <si>
    <t>認知症対応型通所介護事業所</t>
  </si>
  <si>
    <t>認知症高齢者グループホーム</t>
  </si>
  <si>
    <t>小規模多機能型居宅介護事業所</t>
  </si>
  <si>
    <t>看護小規模多機能型居宅介護事業所　</t>
  </si>
  <si>
    <t>定期巡回・随時対応型訪問介護看護事業所</t>
  </si>
  <si>
    <t>夜間対応型訪問介護ステーション</t>
  </si>
  <si>
    <t>介護予防拠点</t>
  </si>
  <si>
    <t>地域包括支援センター</t>
  </si>
  <si>
    <t>生活支援ハウス（高齢者生活福祉センター）</t>
  </si>
  <si>
    <t>緊急ショートステイ</t>
    <rPh sb="0" eb="2">
      <t>キンキュウ</t>
    </rPh>
    <phoneticPr fontId="1"/>
  </si>
  <si>
    <t>施設内保育施設</t>
    <rPh sb="0" eb="3">
      <t>シセツナイ</t>
    </rPh>
    <rPh sb="3" eb="5">
      <t>ホイク</t>
    </rPh>
    <rPh sb="5" eb="7">
      <t>シセツ</t>
    </rPh>
    <phoneticPr fontId="1"/>
  </si>
  <si>
    <t>老人短期入所施設</t>
    <rPh sb="0" eb="2">
      <t>ロウジン</t>
    </rPh>
    <phoneticPr fontId="3"/>
  </si>
  <si>
    <t>併設される老人短期入所施設（地域密着型特別養護老人ホーム）</t>
    <rPh sb="0" eb="2">
      <t>ヘイセツ</t>
    </rPh>
    <phoneticPr fontId="3"/>
  </si>
  <si>
    <t>地域密着型通所介護事業所</t>
    <rPh sb="0" eb="2">
      <t>チイキ</t>
    </rPh>
    <rPh sb="2" eb="5">
      <t>ミッチャクガタ</t>
    </rPh>
    <phoneticPr fontId="3"/>
  </si>
  <si>
    <t>小規模老人短期入所施設</t>
    <rPh sb="0" eb="3">
      <t>ショウキボ</t>
    </rPh>
    <phoneticPr fontId="3"/>
  </si>
  <si>
    <t>ｃ(ａ、ｂのいずれか低い額)</t>
    <rPh sb="10" eb="11">
      <t>ヒク</t>
    </rPh>
    <rPh sb="12" eb="13">
      <t>ガク</t>
    </rPh>
    <phoneticPr fontId="2"/>
  </si>
  <si>
    <t>対象経費の実支出
（予定）額の1/2</t>
    <rPh sb="0" eb="2">
      <t>タイショウ</t>
    </rPh>
    <rPh sb="2" eb="4">
      <t>ケイヒ</t>
    </rPh>
    <rPh sb="5" eb="6">
      <t>ジツ</t>
    </rPh>
    <rPh sb="6" eb="8">
      <t>シシュツ</t>
    </rPh>
    <rPh sb="10" eb="12">
      <t>ヨテイ</t>
    </rPh>
    <rPh sb="13" eb="14">
      <t>ガク</t>
    </rPh>
    <phoneticPr fontId="2"/>
  </si>
  <si>
    <t>ｃ(ａとｂのいずれか低い額)</t>
    <rPh sb="10" eb="11">
      <t>ヒク</t>
    </rPh>
    <rPh sb="12" eb="13">
      <t>ガク</t>
    </rPh>
    <phoneticPr fontId="2"/>
  </si>
  <si>
    <t>別添１</t>
    <phoneticPr fontId="2"/>
  </si>
  <si>
    <t>ａ</t>
    <phoneticPr fontId="2"/>
  </si>
  <si>
    <t>ｂ</t>
    <phoneticPr fontId="2"/>
  </si>
  <si>
    <t>メール
アドレス</t>
    <phoneticPr fontId="2"/>
  </si>
  <si>
    <t>特別養護老人ホーム</t>
    <phoneticPr fontId="3"/>
  </si>
  <si>
    <t>併設老人短期入所施設(特別養護老人ホーム)</t>
    <phoneticPr fontId="2"/>
  </si>
  <si>
    <t>通所介護事業所</t>
    <phoneticPr fontId="2"/>
  </si>
  <si>
    <t>地域密着型特別養護老人ホーム</t>
    <phoneticPr fontId="2"/>
  </si>
  <si>
    <t>①既存小規模高齢者施設等のスプリンクラー整備等整備事業</t>
    <rPh sb="3" eb="6">
      <t>ショウキボ</t>
    </rPh>
    <rPh sb="6" eb="9">
      <t>コウレイシャ</t>
    </rPh>
    <rPh sb="11" eb="12">
      <t>ナド</t>
    </rPh>
    <phoneticPr fontId="2"/>
  </si>
  <si>
    <t>スプリンクラー設備等を設置する施設の種類</t>
    <rPh sb="7" eb="9">
      <t>セツビ</t>
    </rPh>
    <rPh sb="9" eb="10">
      <t>トウ</t>
    </rPh>
    <rPh sb="11" eb="13">
      <t>セッチ</t>
    </rPh>
    <rPh sb="15" eb="17">
      <t>シセツ</t>
    </rPh>
    <rPh sb="18" eb="20">
      <t>シュルイ</t>
    </rPh>
    <phoneticPr fontId="2"/>
  </si>
  <si>
    <t>補助対象
床面積
（㎡）</t>
    <rPh sb="0" eb="2">
      <t>ホジョ</t>
    </rPh>
    <rPh sb="2" eb="4">
      <t>タイショウ</t>
    </rPh>
    <rPh sb="5" eb="6">
      <t>ユカ</t>
    </rPh>
    <rPh sb="6" eb="8">
      <t>メンセキ</t>
    </rPh>
    <phoneticPr fontId="2"/>
  </si>
  <si>
    <t>国土強靭化地域計画への記載</t>
    <phoneticPr fontId="2"/>
  </si>
  <si>
    <t>算定基準に
よる算定額</t>
    <rPh sb="0" eb="2">
      <t>サンテイ</t>
    </rPh>
    <rPh sb="2" eb="4">
      <t>キジュン</t>
    </rPh>
    <rPh sb="8" eb="11">
      <t>サンテイガク</t>
    </rPh>
    <phoneticPr fontId="2"/>
  </si>
  <si>
    <t>対象経費の
実支出
（予定）額</t>
    <rPh sb="0" eb="2">
      <t>タイショウ</t>
    </rPh>
    <rPh sb="2" eb="4">
      <t>ケイヒ</t>
    </rPh>
    <rPh sb="6" eb="7">
      <t>ジツ</t>
    </rPh>
    <rPh sb="7" eb="9">
      <t>シシュツ</t>
    </rPh>
    <rPh sb="11" eb="13">
      <t>ヨテイ</t>
    </rPh>
    <rPh sb="14" eb="15">
      <t>ガク</t>
    </rPh>
    <phoneticPr fontId="2"/>
  </si>
  <si>
    <t>交付(予定)額</t>
    <rPh sb="0" eb="2">
      <t>コウフ</t>
    </rPh>
    <rPh sb="3" eb="5">
      <t>ヨテイ</t>
    </rPh>
    <rPh sb="6" eb="7">
      <t>ガク</t>
    </rPh>
    <phoneticPr fontId="2"/>
  </si>
  <si>
    <t>スプリンクラー設備
（1㎡あたり）</t>
    <rPh sb="7" eb="9">
      <t>セツビ</t>
    </rPh>
    <phoneticPr fontId="2"/>
  </si>
  <si>
    <t>自動火災報知設備等を設置する場合</t>
    <rPh sb="0" eb="2">
      <t>ジドウ</t>
    </rPh>
    <rPh sb="2" eb="4">
      <t>カサイ</t>
    </rPh>
    <rPh sb="4" eb="6">
      <t>ホウチ</t>
    </rPh>
    <rPh sb="6" eb="8">
      <t>セツビ</t>
    </rPh>
    <rPh sb="8" eb="9">
      <t>トウ</t>
    </rPh>
    <rPh sb="10" eb="12">
      <t>セッチ</t>
    </rPh>
    <rPh sb="14" eb="16">
      <t>バアイ</t>
    </rPh>
    <phoneticPr fontId="2"/>
  </si>
  <si>
    <t>消防機関へ通報する自動火災通報設備を整備する場合</t>
    <rPh sb="0" eb="2">
      <t>ショウボウ</t>
    </rPh>
    <rPh sb="2" eb="4">
      <t>キカン</t>
    </rPh>
    <rPh sb="5" eb="7">
      <t>ツウホウ</t>
    </rPh>
    <rPh sb="9" eb="11">
      <t>ジドウ</t>
    </rPh>
    <rPh sb="11" eb="13">
      <t>カサイ</t>
    </rPh>
    <rPh sb="13" eb="15">
      <t>ツウホウ</t>
    </rPh>
    <rPh sb="15" eb="17">
      <t>セツビ</t>
    </rPh>
    <rPh sb="18" eb="20">
      <t>セイビ</t>
    </rPh>
    <rPh sb="22" eb="24">
      <t>バアイ</t>
    </rPh>
    <phoneticPr fontId="2"/>
  </si>
  <si>
    <t>消火ポンプユニット等を設置する場合</t>
    <rPh sb="0" eb="2">
      <t>ショウカ</t>
    </rPh>
    <rPh sb="9" eb="10">
      <t>トウ</t>
    </rPh>
    <rPh sb="11" eb="13">
      <t>セッチ</t>
    </rPh>
    <rPh sb="15" eb="17">
      <t>バアイ</t>
    </rPh>
    <phoneticPr fontId="2"/>
  </si>
  <si>
    <t>a</t>
    <phoneticPr fontId="2"/>
  </si>
  <si>
    <t>b</t>
    <phoneticPr fontId="2"/>
  </si>
  <si>
    <t>c</t>
    <phoneticPr fontId="2"/>
  </si>
  <si>
    <t>d</t>
    <phoneticPr fontId="2"/>
  </si>
  <si>
    <t>e</t>
    <phoneticPr fontId="2"/>
  </si>
  <si>
    <t>g</t>
    <phoneticPr fontId="2"/>
  </si>
  <si>
    <t>h(fとgのいずれか低い方)</t>
    <rPh sb="10" eb="11">
      <t>ヒク</t>
    </rPh>
    <rPh sb="12" eb="13">
      <t>ホウ</t>
    </rPh>
    <phoneticPr fontId="2"/>
  </si>
  <si>
    <t>地域密着型特別養護老人ホーム
及び併設される老人短期入所施設</t>
    <rPh sb="17" eb="19">
      <t>ヘイセツ</t>
    </rPh>
    <phoneticPr fontId="3"/>
  </si>
  <si>
    <t>f=（a×b)+c+d+e</t>
    <phoneticPr fontId="2"/>
  </si>
  <si>
    <t>②認知症グループホーム等防災改修等支援事業</t>
    <phoneticPr fontId="2"/>
  </si>
  <si>
    <t>③高齢者施設等の非常用自家発電設備整備事業</t>
    <phoneticPr fontId="2"/>
  </si>
  <si>
    <t>④高齢者施設等の給水設備整備事業</t>
    <rPh sb="8" eb="10">
      <t>キュウスイ</t>
    </rPh>
    <rPh sb="10" eb="12">
      <t>セツビ</t>
    </rPh>
    <phoneticPr fontId="2"/>
  </si>
  <si>
    <t>⑤高齢者施設等の防犯対策及び安全対策強化事業</t>
    <rPh sb="1" eb="7">
      <t>コウレイシャシセツナド</t>
    </rPh>
    <rPh sb="12" eb="13">
      <t>オヨ</t>
    </rPh>
    <rPh sb="14" eb="16">
      <t>アンゼン</t>
    </rPh>
    <rPh sb="16" eb="18">
      <t>タイサク</t>
    </rPh>
    <phoneticPr fontId="2"/>
  </si>
  <si>
    <t>⑥高齢者施設等における多床室の新型コロナウイルスの感染拡大防止のための個室化改修支援事業</t>
    <rPh sb="1" eb="4">
      <t>コウレイシャ</t>
    </rPh>
    <rPh sb="4" eb="6">
      <t>シセツ</t>
    </rPh>
    <rPh sb="6" eb="7">
      <t>トウ</t>
    </rPh>
    <rPh sb="11" eb="14">
      <t>タショウシツ</t>
    </rPh>
    <rPh sb="15" eb="17">
      <t>シンガタ</t>
    </rPh>
    <rPh sb="25" eb="27">
      <t>カンセン</t>
    </rPh>
    <rPh sb="27" eb="29">
      <t>カクダイ</t>
    </rPh>
    <rPh sb="29" eb="31">
      <t>ボウシ</t>
    </rPh>
    <rPh sb="35" eb="38">
      <t>コシツカ</t>
    </rPh>
    <rPh sb="38" eb="40">
      <t>カイシュウ</t>
    </rPh>
    <rPh sb="40" eb="42">
      <t>シエン</t>
    </rPh>
    <rPh sb="42" eb="44">
      <t>ジギ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4" x14ac:knownFonts="1">
    <font>
      <sz val="11"/>
      <name val="ＭＳ Ｐゴシック"/>
      <family val="3"/>
      <charset val="128"/>
    </font>
    <font>
      <sz val="11"/>
      <name val="ＭＳ Ｐゴシック"/>
      <family val="3"/>
      <charset val="128"/>
    </font>
    <font>
      <sz val="6"/>
      <name val="ＭＳ Ｐゴシック"/>
      <family val="3"/>
      <charset val="128"/>
    </font>
    <font>
      <sz val="8"/>
      <color theme="1"/>
      <name val="ＭＳ 明朝"/>
      <family val="1"/>
      <charset val="128"/>
    </font>
    <font>
      <sz val="6"/>
      <name val="ＭＳ 明朝"/>
      <family val="1"/>
      <charset val="128"/>
    </font>
    <font>
      <sz val="9"/>
      <name val="ＭＳ 明朝"/>
      <family val="1"/>
      <charset val="128"/>
    </font>
    <font>
      <sz val="10"/>
      <name val="ＭＳ 明朝"/>
      <family val="1"/>
      <charset val="128"/>
    </font>
    <font>
      <sz val="11"/>
      <name val="ＭＳ 明朝"/>
      <family val="1"/>
      <charset val="128"/>
    </font>
    <font>
      <sz val="8"/>
      <name val="ＭＳ 明朝"/>
      <family val="1"/>
      <charset val="128"/>
    </font>
    <font>
      <b/>
      <sz val="11"/>
      <name val="ＭＳ 明朝"/>
      <family val="1"/>
      <charset val="128"/>
    </font>
    <font>
      <sz val="18"/>
      <name val="ＭＳ ゴシック"/>
      <family val="3"/>
      <charset val="128"/>
    </font>
    <font>
      <u/>
      <sz val="10"/>
      <name val="ＭＳ 明朝"/>
      <family val="1"/>
      <charset val="128"/>
    </font>
    <font>
      <u/>
      <sz val="11"/>
      <name val="ＭＳ 明朝"/>
      <family val="1"/>
      <charset val="128"/>
    </font>
    <font>
      <u/>
      <sz val="9"/>
      <name val="ＭＳ 明朝"/>
      <family val="1"/>
      <charset val="128"/>
    </font>
  </fonts>
  <fills count="3">
    <fill>
      <patternFill patternType="none"/>
    </fill>
    <fill>
      <patternFill patternType="gray125"/>
    </fill>
    <fill>
      <patternFill patternType="solid">
        <fgColor theme="0"/>
        <bgColor indexed="64"/>
      </patternFill>
    </fill>
  </fills>
  <borders count="75">
    <border>
      <left/>
      <right/>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double">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rgb="FFFF0000"/>
      </left>
      <right/>
      <top style="thin">
        <color rgb="FFFF0000"/>
      </top>
      <bottom/>
      <diagonal/>
    </border>
    <border>
      <left/>
      <right style="thin">
        <color rgb="FFFF0000"/>
      </right>
      <top style="thin">
        <color rgb="FFFF0000"/>
      </top>
      <bottom/>
      <diagonal/>
    </border>
    <border>
      <left style="thin">
        <color rgb="FFFF0000"/>
      </left>
      <right/>
      <top/>
      <bottom/>
      <diagonal/>
    </border>
    <border>
      <left/>
      <right style="thin">
        <color rgb="FFFF0000"/>
      </right>
      <top/>
      <bottom/>
      <diagonal/>
    </border>
    <border>
      <left style="thin">
        <color rgb="FFFF0000"/>
      </left>
      <right/>
      <top/>
      <bottom style="thin">
        <color rgb="FFFF0000"/>
      </bottom>
      <diagonal/>
    </border>
    <border>
      <left/>
      <right style="thin">
        <color rgb="FFFF0000"/>
      </right>
      <top/>
      <bottom style="thin">
        <color rgb="FFFF0000"/>
      </bottom>
      <diagonal/>
    </border>
    <border>
      <left style="thin">
        <color rgb="FFFF0000"/>
      </left>
      <right style="thin">
        <color rgb="FFFF0000"/>
      </right>
      <top style="thin">
        <color rgb="FFFF0000"/>
      </top>
      <bottom style="thin">
        <color rgb="FFFF0000"/>
      </bottom>
      <diagonal/>
    </border>
    <border>
      <left style="thin">
        <color rgb="FFFF0000"/>
      </left>
      <right style="thin">
        <color rgb="FFFF0000"/>
      </right>
      <top style="thin">
        <color rgb="FFFF0000"/>
      </top>
      <bottom/>
      <diagonal/>
    </border>
    <border>
      <left style="thin">
        <color rgb="FFFF0000"/>
      </left>
      <right style="thin">
        <color rgb="FFFF0000"/>
      </right>
      <top/>
      <bottom/>
      <diagonal/>
    </border>
    <border>
      <left style="thin">
        <color rgb="FFFF0000"/>
      </left>
      <right style="thin">
        <color rgb="FFFF0000"/>
      </right>
      <top/>
      <bottom style="thin">
        <color rgb="FFFF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rgb="FFFF0000"/>
      </bottom>
      <diagonal/>
    </border>
    <border>
      <left style="thin">
        <color indexed="64"/>
      </left>
      <right style="thin">
        <color indexed="64"/>
      </right>
      <top/>
      <bottom style="double">
        <color auto="1"/>
      </bottom>
      <diagonal/>
    </border>
    <border>
      <left style="thin">
        <color indexed="64"/>
      </left>
      <right style="thin">
        <color indexed="64"/>
      </right>
      <top style="thin">
        <color rgb="FFFF0000"/>
      </top>
      <bottom style="double">
        <color auto="1"/>
      </bottom>
      <diagonal/>
    </border>
    <border>
      <left/>
      <right style="thin">
        <color rgb="FFFF0000"/>
      </right>
      <top style="thin">
        <color indexed="64"/>
      </top>
      <bottom/>
      <diagonal/>
    </border>
    <border>
      <left style="thin">
        <color rgb="FFFF0000"/>
      </left>
      <right style="thin">
        <color rgb="FFFF0000"/>
      </right>
      <top style="thin">
        <color indexed="64"/>
      </top>
      <bottom style="thin">
        <color rgb="FFFF0000"/>
      </bottom>
      <diagonal/>
    </border>
    <border>
      <left style="thin">
        <color rgb="FFFF0000"/>
      </left>
      <right style="thin">
        <color indexed="64"/>
      </right>
      <top style="thin">
        <color indexed="64"/>
      </top>
      <bottom style="thin">
        <color rgb="FFFF0000"/>
      </bottom>
      <diagonal/>
    </border>
    <border>
      <left style="thin">
        <color rgb="FFFF0000"/>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indexed="64"/>
      </bottom>
      <diagonal/>
    </border>
    <border>
      <left style="thin">
        <color rgb="FFFF0000"/>
      </left>
      <right/>
      <top style="thin">
        <color indexed="64"/>
      </top>
      <bottom/>
      <diagonal/>
    </border>
    <border>
      <left style="thin">
        <color rgb="FFFF0000"/>
      </left>
      <right style="thin">
        <color rgb="FFFF0000"/>
      </right>
      <top style="thin">
        <color indexed="64"/>
      </top>
      <bottom/>
      <diagonal/>
    </border>
    <border>
      <left style="thin">
        <color indexed="64"/>
      </left>
      <right style="thin">
        <color indexed="64"/>
      </right>
      <top/>
      <bottom/>
      <diagonal/>
    </border>
    <border>
      <left style="thin">
        <color rgb="FFFF0000"/>
      </left>
      <right style="thin">
        <color indexed="64"/>
      </right>
      <top/>
      <bottom style="thin">
        <color indexed="64"/>
      </bottom>
      <diagonal/>
    </border>
    <border>
      <left style="thin">
        <color rgb="FFFF0000"/>
      </left>
      <right style="thin">
        <color indexed="64"/>
      </right>
      <top/>
      <bottom/>
      <diagonal/>
    </border>
    <border>
      <left style="thin">
        <color rgb="FFFF0000"/>
      </left>
      <right style="thin">
        <color indexed="64"/>
      </right>
      <top/>
      <bottom style="thin">
        <color rgb="FFFF0000"/>
      </bottom>
      <diagonal/>
    </border>
    <border>
      <left style="thin">
        <color indexed="64"/>
      </left>
      <right style="thin">
        <color rgb="FFFF0000"/>
      </right>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right style="thin">
        <color rgb="FFFF0000"/>
      </right>
      <top style="thin">
        <color indexed="64"/>
      </top>
      <bottom style="thin">
        <color rgb="FFFF0000"/>
      </bottom>
      <diagonal/>
    </border>
    <border>
      <left/>
      <right style="thin">
        <color rgb="FFFF0000"/>
      </right>
      <top style="thin">
        <color rgb="FFFF0000"/>
      </top>
      <bottom style="thin">
        <color indexed="64"/>
      </bottom>
      <diagonal/>
    </border>
    <border>
      <left style="thin">
        <color rgb="FFFF0000"/>
      </left>
      <right style="thin">
        <color indexed="64"/>
      </right>
      <top style="thin">
        <color indexed="64"/>
      </top>
      <bottom/>
      <diagonal/>
    </border>
    <border>
      <left style="thin">
        <color rgb="FFFF0000"/>
      </left>
      <right/>
      <top style="thin">
        <color indexed="64"/>
      </top>
      <bottom style="thin">
        <color rgb="FFFF0000"/>
      </bottom>
      <diagonal/>
    </border>
    <border>
      <left style="thin">
        <color rgb="FFFF0000"/>
      </left>
      <right/>
      <top style="thin">
        <color rgb="FFFF0000"/>
      </top>
      <bottom style="thin">
        <color indexed="64"/>
      </bottom>
      <diagonal/>
    </border>
    <border>
      <left style="thin">
        <color indexed="64"/>
      </left>
      <right style="thin">
        <color rgb="FFFF0000"/>
      </right>
      <top style="thin">
        <color indexed="64"/>
      </top>
      <bottom style="thin">
        <color rgb="FFFF0000"/>
      </bottom>
      <diagonal/>
    </border>
    <border>
      <left style="thin">
        <color indexed="64"/>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rgb="FFFF0000"/>
      </bottom>
      <diagonal/>
    </border>
    <border>
      <left style="thin">
        <color rgb="FFFF0000"/>
      </left>
      <right style="thin">
        <color indexed="64"/>
      </right>
      <top style="thin">
        <color rgb="FFFF0000"/>
      </top>
      <bottom/>
      <diagonal/>
    </border>
    <border>
      <left/>
      <right style="thin">
        <color rgb="FFFF0000"/>
      </right>
      <top style="thin">
        <color rgb="FFFF0000"/>
      </top>
      <bottom style="thin">
        <color rgb="FFFF0000"/>
      </bottom>
      <diagonal/>
    </border>
    <border>
      <left style="thin">
        <color indexed="64"/>
      </left>
      <right style="thin">
        <color rgb="FFFF0000"/>
      </right>
      <top style="thin">
        <color indexed="64"/>
      </top>
      <bottom/>
      <diagonal/>
    </border>
    <border>
      <left/>
      <right style="thin">
        <color rgb="FFFF0000"/>
      </right>
      <top style="double">
        <color indexed="64"/>
      </top>
      <bottom style="thin">
        <color indexed="64"/>
      </bottom>
      <diagonal/>
    </border>
    <border>
      <left style="thin">
        <color rgb="FFFF0000"/>
      </left>
      <right style="thin">
        <color rgb="FFFF0000"/>
      </right>
      <top style="double">
        <color indexed="64"/>
      </top>
      <bottom style="thin">
        <color indexed="64"/>
      </bottom>
      <diagonal/>
    </border>
    <border>
      <left style="thin">
        <color rgb="FFFF0000"/>
      </left>
      <right style="thin">
        <color indexed="64"/>
      </right>
      <top style="double">
        <color indexed="64"/>
      </top>
      <bottom style="thin">
        <color indexed="64"/>
      </bottom>
      <diagonal/>
    </border>
    <border>
      <left style="thin">
        <color indexed="64"/>
      </left>
      <right style="thin">
        <color rgb="FFFF0000"/>
      </right>
      <top style="thin">
        <color rgb="FFFF0000"/>
      </top>
      <bottom/>
      <diagonal/>
    </border>
    <border>
      <left style="thin">
        <color indexed="64"/>
      </left>
      <right style="thin">
        <color rgb="FFFF0000"/>
      </right>
      <top style="double">
        <color indexed="64"/>
      </top>
      <bottom style="thin">
        <color indexed="64"/>
      </bottom>
      <diagonal/>
    </border>
    <border>
      <left style="thin">
        <color rgb="FFFF0000"/>
      </left>
      <right/>
      <top style="double">
        <color indexed="64"/>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cellStyleXfs>
  <cellXfs count="311">
    <xf numFmtId="0" fontId="0" fillId="0" borderId="0" xfId="0">
      <alignment vertical="center"/>
    </xf>
    <xf numFmtId="0" fontId="5" fillId="2" borderId="7" xfId="0" applyFont="1" applyFill="1" applyBorder="1" applyAlignment="1">
      <alignment vertical="center" wrapText="1"/>
    </xf>
    <xf numFmtId="0" fontId="5" fillId="2" borderId="4" xfId="0" applyFont="1" applyFill="1" applyBorder="1" applyAlignment="1">
      <alignment vertical="center" wrapText="1"/>
    </xf>
    <xf numFmtId="0" fontId="5" fillId="2" borderId="3" xfId="0" applyFont="1" applyFill="1" applyBorder="1" applyAlignment="1">
      <alignment vertical="center" wrapText="1"/>
    </xf>
    <xf numFmtId="0" fontId="6" fillId="2" borderId="0" xfId="0" applyFont="1" applyFill="1" applyBorder="1">
      <alignment vertical="center"/>
    </xf>
    <xf numFmtId="0" fontId="7" fillId="2" borderId="0" xfId="0" applyFont="1" applyFill="1" applyBorder="1">
      <alignment vertical="center"/>
    </xf>
    <xf numFmtId="0" fontId="5" fillId="2" borderId="0" xfId="0" applyFont="1" applyFill="1" applyBorder="1">
      <alignment vertical="center"/>
    </xf>
    <xf numFmtId="0" fontId="6" fillId="2" borderId="12" xfId="0" applyFont="1" applyFill="1" applyBorder="1" applyAlignment="1">
      <alignment vertical="center" wrapText="1"/>
    </xf>
    <xf numFmtId="0" fontId="6" fillId="2" borderId="13" xfId="0" applyFont="1" applyFill="1" applyBorder="1" applyAlignment="1">
      <alignment vertical="center" wrapText="1"/>
    </xf>
    <xf numFmtId="0" fontId="6" fillId="2" borderId="14" xfId="0" applyFont="1" applyFill="1" applyBorder="1" applyAlignment="1">
      <alignment vertical="center" wrapText="1"/>
    </xf>
    <xf numFmtId="0" fontId="6" fillId="2" borderId="0" xfId="0" applyFont="1" applyFill="1" applyBorder="1" applyAlignment="1">
      <alignment vertical="center" wrapText="1"/>
    </xf>
    <xf numFmtId="38" fontId="6" fillId="2" borderId="0" xfId="1" applyFont="1" applyFill="1" applyBorder="1" applyAlignment="1">
      <alignment vertical="center" wrapText="1"/>
    </xf>
    <xf numFmtId="0" fontId="7" fillId="0" borderId="0" xfId="0" applyFont="1" applyFill="1" applyBorder="1">
      <alignment vertical="center"/>
    </xf>
    <xf numFmtId="0" fontId="7" fillId="0" borderId="0" xfId="0" applyFont="1" applyFill="1">
      <alignment vertical="center"/>
    </xf>
    <xf numFmtId="38" fontId="6" fillId="2" borderId="0" xfId="1" applyFont="1" applyFill="1" applyBorder="1" applyAlignment="1">
      <alignment horizontal="center" vertical="center"/>
    </xf>
    <xf numFmtId="0" fontId="8" fillId="2" borderId="4" xfId="0" applyFont="1" applyFill="1" applyBorder="1" applyAlignment="1">
      <alignment vertical="center" shrinkToFit="1"/>
    </xf>
    <xf numFmtId="0" fontId="8" fillId="2" borderId="7" xfId="0" applyFont="1" applyFill="1" applyBorder="1" applyAlignment="1">
      <alignment vertical="center" shrinkToFit="1"/>
    </xf>
    <xf numFmtId="0" fontId="8" fillId="2" borderId="3" xfId="0" applyFont="1" applyFill="1" applyBorder="1" applyAlignment="1">
      <alignment vertical="center" shrinkToFit="1"/>
    </xf>
    <xf numFmtId="0" fontId="7" fillId="0" borderId="0" xfId="0" applyFont="1" applyFill="1" applyBorder="1" applyAlignment="1">
      <alignment vertical="center"/>
    </xf>
    <xf numFmtId="0" fontId="9" fillId="2" borderId="0" xfId="0" applyFont="1" applyFill="1" applyBorder="1" applyAlignment="1">
      <alignment vertical="top"/>
    </xf>
    <xf numFmtId="0" fontId="7" fillId="2" borderId="0" xfId="0" applyFont="1" applyFill="1" applyBorder="1" applyAlignment="1">
      <alignment horizontal="right" vertical="center"/>
    </xf>
    <xf numFmtId="0" fontId="6" fillId="0" borderId="0" xfId="0" applyFont="1" applyFill="1">
      <alignment vertical="center"/>
    </xf>
    <xf numFmtId="0" fontId="6" fillId="2" borderId="7" xfId="0" applyFont="1" applyFill="1" applyBorder="1">
      <alignment vertical="center"/>
    </xf>
    <xf numFmtId="0" fontId="8" fillId="2" borderId="7" xfId="0" applyFont="1" applyFill="1" applyBorder="1">
      <alignment vertical="center"/>
    </xf>
    <xf numFmtId="0" fontId="6" fillId="2" borderId="8" xfId="0" applyFont="1" applyFill="1" applyBorder="1">
      <alignment vertical="center"/>
    </xf>
    <xf numFmtId="0" fontId="11" fillId="2" borderId="6" xfId="0" applyFont="1" applyFill="1" applyBorder="1">
      <alignment vertical="center"/>
    </xf>
    <xf numFmtId="0" fontId="6" fillId="2" borderId="6" xfId="0" applyFont="1" applyFill="1" applyBorder="1">
      <alignment vertical="center"/>
    </xf>
    <xf numFmtId="0" fontId="6" fillId="2" borderId="5" xfId="0" applyFont="1" applyFill="1" applyBorder="1">
      <alignment vertical="center"/>
    </xf>
    <xf numFmtId="0" fontId="6" fillId="2" borderId="1" xfId="0" applyFont="1" applyFill="1" applyBorder="1">
      <alignment vertical="center"/>
    </xf>
    <xf numFmtId="0" fontId="6" fillId="2" borderId="0" xfId="0" applyFont="1" applyFill="1" applyBorder="1" applyAlignment="1">
      <alignment horizontal="left" vertical="center" wrapText="1"/>
    </xf>
    <xf numFmtId="0" fontId="6" fillId="2" borderId="2" xfId="0" applyFont="1" applyFill="1" applyBorder="1" applyAlignment="1">
      <alignment horizontal="left" vertical="center" wrapText="1"/>
    </xf>
    <xf numFmtId="0" fontId="6" fillId="2" borderId="2" xfId="0" applyFont="1" applyFill="1" applyBorder="1">
      <alignment vertical="center"/>
    </xf>
    <xf numFmtId="0" fontId="6" fillId="2" borderId="4" xfId="0" applyFont="1" applyFill="1" applyBorder="1">
      <alignment vertical="center"/>
    </xf>
    <xf numFmtId="0" fontId="6" fillId="2" borderId="3" xfId="0" applyFont="1" applyFill="1" applyBorder="1">
      <alignment vertical="center"/>
    </xf>
    <xf numFmtId="0" fontId="7" fillId="2" borderId="1" xfId="0" applyFont="1" applyFill="1" applyBorder="1">
      <alignment vertical="center"/>
    </xf>
    <xf numFmtId="0" fontId="8" fillId="2" borderId="0" xfId="0" applyFont="1" applyFill="1" applyBorder="1">
      <alignment vertical="center"/>
    </xf>
    <xf numFmtId="0" fontId="8" fillId="2" borderId="2" xfId="0" applyFont="1" applyFill="1" applyBorder="1">
      <alignment vertical="center"/>
    </xf>
    <xf numFmtId="0" fontId="8" fillId="2" borderId="1" xfId="0" applyFont="1" applyFill="1" applyBorder="1">
      <alignment vertical="center"/>
    </xf>
    <xf numFmtId="0" fontId="4" fillId="2" borderId="0" xfId="0" applyFont="1" applyFill="1" applyBorder="1" applyAlignment="1">
      <alignment horizontal="center" vertical="center"/>
    </xf>
    <xf numFmtId="0" fontId="7" fillId="0" borderId="2" xfId="0" applyFont="1" applyFill="1" applyBorder="1">
      <alignment vertical="center"/>
    </xf>
    <xf numFmtId="0" fontId="7" fillId="0" borderId="1" xfId="0" applyFont="1" applyFill="1" applyBorder="1">
      <alignment vertical="center"/>
    </xf>
    <xf numFmtId="0" fontId="8" fillId="2" borderId="4" xfId="0" applyFont="1" applyFill="1" applyBorder="1" applyAlignment="1">
      <alignment vertical="center" wrapText="1"/>
    </xf>
    <xf numFmtId="0" fontId="8" fillId="2" borderId="7" xfId="0" applyFont="1" applyFill="1" applyBorder="1" applyAlignment="1">
      <alignment vertical="center" wrapText="1"/>
    </xf>
    <xf numFmtId="0" fontId="8" fillId="2" borderId="3" xfId="0" applyFont="1" applyFill="1" applyBorder="1" applyAlignment="1">
      <alignment vertical="center" wrapText="1"/>
    </xf>
    <xf numFmtId="0" fontId="5" fillId="2" borderId="2" xfId="0" applyFont="1" applyFill="1" applyBorder="1">
      <alignment vertical="center"/>
    </xf>
    <xf numFmtId="0" fontId="12" fillId="2" borderId="0" xfId="0" applyFont="1" applyFill="1" applyBorder="1">
      <alignment vertical="center"/>
    </xf>
    <xf numFmtId="0" fontId="13" fillId="2" borderId="0" xfId="0" applyFont="1" applyFill="1" applyBorder="1">
      <alignment vertical="center"/>
    </xf>
    <xf numFmtId="0" fontId="12" fillId="0" borderId="0" xfId="0" applyFont="1" applyFill="1">
      <alignment vertical="center"/>
    </xf>
    <xf numFmtId="0" fontId="7" fillId="2" borderId="16" xfId="0" applyFont="1" applyFill="1" applyBorder="1">
      <alignment vertical="center"/>
    </xf>
    <xf numFmtId="0" fontId="7" fillId="2" borderId="15" xfId="0" applyFont="1" applyFill="1" applyBorder="1">
      <alignment vertical="center"/>
    </xf>
    <xf numFmtId="0" fontId="5" fillId="2" borderId="15" xfId="0" applyFont="1" applyFill="1" applyBorder="1">
      <alignment vertical="center"/>
    </xf>
    <xf numFmtId="0" fontId="8" fillId="2" borderId="15" xfId="0" applyFont="1" applyFill="1" applyBorder="1">
      <alignment vertical="center"/>
    </xf>
    <xf numFmtId="0" fontId="4" fillId="2" borderId="15" xfId="0" applyFont="1" applyFill="1" applyBorder="1" applyAlignment="1">
      <alignment horizontal="center" vertical="center"/>
    </xf>
    <xf numFmtId="0" fontId="5" fillId="2" borderId="17" xfId="0" applyFont="1" applyFill="1" applyBorder="1">
      <alignment vertical="center"/>
    </xf>
    <xf numFmtId="0" fontId="7" fillId="2" borderId="4" xfId="0" applyFont="1" applyFill="1" applyBorder="1">
      <alignment vertical="center"/>
    </xf>
    <xf numFmtId="0" fontId="7" fillId="2" borderId="7" xfId="0" applyFont="1" applyFill="1" applyBorder="1">
      <alignment vertical="center"/>
    </xf>
    <xf numFmtId="0" fontId="7" fillId="2" borderId="3" xfId="0" applyFont="1" applyFill="1" applyBorder="1">
      <alignment vertical="center"/>
    </xf>
    <xf numFmtId="0" fontId="7" fillId="2" borderId="11" xfId="0" applyFont="1" applyFill="1" applyBorder="1">
      <alignment vertical="center"/>
    </xf>
    <xf numFmtId="0" fontId="7" fillId="2" borderId="9" xfId="0" applyFont="1" applyFill="1" applyBorder="1">
      <alignment vertical="center"/>
    </xf>
    <xf numFmtId="0" fontId="7" fillId="0" borderId="0" xfId="0" applyFont="1" applyFill="1" applyAlignment="1">
      <alignment vertical="center"/>
    </xf>
    <xf numFmtId="0" fontId="7" fillId="2" borderId="51" xfId="0" applyFont="1" applyFill="1" applyBorder="1">
      <alignment vertical="center"/>
    </xf>
    <xf numFmtId="0" fontId="6" fillId="2" borderId="7" xfId="0" applyFont="1" applyFill="1" applyBorder="1" applyAlignment="1">
      <alignment vertical="center" wrapText="1"/>
    </xf>
    <xf numFmtId="0" fontId="6" fillId="2" borderId="3" xfId="0" applyFont="1" applyFill="1" applyBorder="1" applyAlignment="1">
      <alignment vertical="center" wrapText="1"/>
    </xf>
    <xf numFmtId="38" fontId="6" fillId="2" borderId="12" xfId="1" applyFont="1" applyFill="1" applyBorder="1" applyAlignment="1">
      <alignment vertical="center" wrapText="1"/>
    </xf>
    <xf numFmtId="38" fontId="6" fillId="2" borderId="13" xfId="1" applyFont="1" applyFill="1" applyBorder="1" applyAlignment="1">
      <alignment vertical="center" wrapText="1"/>
    </xf>
    <xf numFmtId="38" fontId="6" fillId="2" borderId="14" xfId="1" applyFont="1" applyFill="1" applyBorder="1" applyAlignment="1">
      <alignment vertical="center" wrapText="1"/>
    </xf>
    <xf numFmtId="38" fontId="6" fillId="2" borderId="13" xfId="1" applyFont="1" applyFill="1" applyBorder="1" applyAlignment="1">
      <alignment horizontal="center" vertical="center"/>
    </xf>
    <xf numFmtId="38" fontId="6" fillId="2" borderId="7" xfId="1" applyFont="1" applyFill="1" applyBorder="1" applyAlignment="1">
      <alignment vertical="center" wrapText="1"/>
    </xf>
    <xf numFmtId="38" fontId="6" fillId="2" borderId="7" xfId="1" applyFont="1" applyFill="1" applyBorder="1" applyAlignment="1">
      <alignment horizontal="center" vertical="center"/>
    </xf>
    <xf numFmtId="0" fontId="10" fillId="2" borderId="0" xfId="0" applyFont="1" applyFill="1" applyBorder="1" applyAlignment="1">
      <alignment horizontal="center" vertical="center"/>
    </xf>
    <xf numFmtId="0" fontId="6" fillId="2" borderId="10"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9" xfId="0" applyFont="1" applyFill="1" applyBorder="1" applyAlignment="1">
      <alignment horizontal="center" vertical="center"/>
    </xf>
    <xf numFmtId="0" fontId="8" fillId="2" borderId="8" xfId="0"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8" fillId="2" borderId="1" xfId="0" applyFont="1" applyFill="1" applyBorder="1" applyAlignment="1">
      <alignment horizontal="center" vertical="center" shrinkToFit="1"/>
    </xf>
    <xf numFmtId="0" fontId="8" fillId="2" borderId="0" xfId="0" applyFont="1" applyFill="1" applyBorder="1" applyAlignment="1">
      <alignment horizontal="center" vertical="center" shrinkToFit="1"/>
    </xf>
    <xf numFmtId="0" fontId="8" fillId="2" borderId="2" xfId="0" applyFont="1" applyFill="1" applyBorder="1" applyAlignment="1">
      <alignment horizontal="center" vertical="center" shrinkToFit="1"/>
    </xf>
    <xf numFmtId="0" fontId="8" fillId="2" borderId="1"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4" fillId="2" borderId="7" xfId="0" applyFont="1" applyFill="1" applyBorder="1" applyAlignment="1">
      <alignment horizontal="right" vertical="center"/>
    </xf>
    <xf numFmtId="0" fontId="8" fillId="2" borderId="5" xfId="0" applyFont="1" applyFill="1" applyBorder="1" applyAlignment="1">
      <alignment horizontal="center" vertical="center" wrapText="1"/>
    </xf>
    <xf numFmtId="0" fontId="8" fillId="2" borderId="10"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8" fillId="2" borderId="9"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5" fillId="2" borderId="4" xfId="0" applyFont="1" applyFill="1" applyBorder="1" applyAlignment="1">
      <alignment horizontal="right" vertical="center" wrapText="1"/>
    </xf>
    <xf numFmtId="0" fontId="5" fillId="2" borderId="7" xfId="0" applyFont="1" applyFill="1" applyBorder="1" applyAlignment="1">
      <alignment horizontal="right" vertical="center" wrapText="1"/>
    </xf>
    <xf numFmtId="0" fontId="5" fillId="2" borderId="3" xfId="0" applyFont="1" applyFill="1" applyBorder="1" applyAlignment="1">
      <alignment horizontal="right" vertical="center" wrapText="1"/>
    </xf>
    <xf numFmtId="0" fontId="4" fillId="2" borderId="4"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2" borderId="3" xfId="0" applyFont="1" applyFill="1" applyBorder="1" applyAlignment="1">
      <alignment horizontal="center" vertical="center" wrapText="1"/>
    </xf>
    <xf numFmtId="38" fontId="6" fillId="2" borderId="8" xfId="1" applyFont="1" applyFill="1" applyBorder="1" applyAlignment="1">
      <alignment horizontal="center" vertical="center"/>
    </xf>
    <xf numFmtId="38" fontId="6" fillId="2" borderId="6" xfId="1" applyFont="1" applyFill="1" applyBorder="1" applyAlignment="1">
      <alignment horizontal="center" vertical="center"/>
    </xf>
    <xf numFmtId="38" fontId="6" fillId="2" borderId="5" xfId="1" applyFont="1" applyFill="1" applyBorder="1" applyAlignment="1">
      <alignment horizontal="center" vertical="center"/>
    </xf>
    <xf numFmtId="38" fontId="6" fillId="2" borderId="4" xfId="1" applyFont="1" applyFill="1" applyBorder="1" applyAlignment="1">
      <alignment horizontal="center" vertical="center"/>
    </xf>
    <xf numFmtId="38" fontId="6" fillId="2" borderId="7" xfId="1" applyFont="1" applyFill="1" applyBorder="1" applyAlignment="1">
      <alignment horizontal="center" vertical="center"/>
    </xf>
    <xf numFmtId="38" fontId="6" fillId="2" borderId="3" xfId="1" applyFont="1" applyFill="1" applyBorder="1" applyAlignment="1">
      <alignment horizontal="center" vertical="center"/>
    </xf>
    <xf numFmtId="38" fontId="6" fillId="2" borderId="21" xfId="1" applyFont="1" applyFill="1" applyBorder="1" applyAlignment="1">
      <alignment horizontal="center" vertical="center"/>
    </xf>
    <xf numFmtId="38" fontId="6" fillId="2" borderId="22" xfId="1" applyFont="1" applyFill="1" applyBorder="1" applyAlignment="1">
      <alignment horizontal="center" vertical="center"/>
    </xf>
    <xf numFmtId="38" fontId="6" fillId="2" borderId="23" xfId="1" applyFont="1" applyFill="1" applyBorder="1" applyAlignment="1">
      <alignment horizontal="center" vertical="center"/>
    </xf>
    <xf numFmtId="38" fontId="6" fillId="2" borderId="8" xfId="1" applyFont="1" applyFill="1" applyBorder="1" applyAlignment="1">
      <alignment horizontal="right" vertical="center"/>
    </xf>
    <xf numFmtId="38" fontId="6" fillId="2" borderId="6" xfId="1" applyFont="1" applyFill="1" applyBorder="1" applyAlignment="1">
      <alignment horizontal="right" vertical="center"/>
    </xf>
    <xf numFmtId="38" fontId="6" fillId="2" borderId="5" xfId="1" applyFont="1" applyFill="1" applyBorder="1" applyAlignment="1">
      <alignment horizontal="right" vertical="center"/>
    </xf>
    <xf numFmtId="38" fontId="6" fillId="2" borderId="4" xfId="1" applyFont="1" applyFill="1" applyBorder="1" applyAlignment="1">
      <alignment horizontal="right" vertical="center"/>
    </xf>
    <xf numFmtId="38" fontId="6" fillId="2" borderId="7" xfId="1" applyFont="1" applyFill="1" applyBorder="1" applyAlignment="1">
      <alignment horizontal="right" vertical="center"/>
    </xf>
    <xf numFmtId="38" fontId="6" fillId="2" borderId="3" xfId="1" applyFont="1" applyFill="1" applyBorder="1" applyAlignment="1">
      <alignment horizontal="right" vertical="center"/>
    </xf>
    <xf numFmtId="40" fontId="6" fillId="2" borderId="8" xfId="1" applyNumberFormat="1" applyFont="1" applyFill="1" applyBorder="1" applyAlignment="1">
      <alignment horizontal="right" vertical="center"/>
    </xf>
    <xf numFmtId="40" fontId="6" fillId="2" borderId="6" xfId="1" applyNumberFormat="1" applyFont="1" applyFill="1" applyBorder="1" applyAlignment="1">
      <alignment horizontal="right" vertical="center"/>
    </xf>
    <xf numFmtId="40" fontId="6" fillId="2" borderId="5" xfId="1" applyNumberFormat="1" applyFont="1" applyFill="1" applyBorder="1" applyAlignment="1">
      <alignment horizontal="right" vertical="center"/>
    </xf>
    <xf numFmtId="40" fontId="6" fillId="2" borderId="4" xfId="1" applyNumberFormat="1" applyFont="1" applyFill="1" applyBorder="1" applyAlignment="1">
      <alignment horizontal="right" vertical="center"/>
    </xf>
    <xf numFmtId="40" fontId="6" fillId="2" borderId="7" xfId="1" applyNumberFormat="1" applyFont="1" applyFill="1" applyBorder="1" applyAlignment="1">
      <alignment horizontal="right" vertical="center"/>
    </xf>
    <xf numFmtId="40" fontId="6" fillId="2" borderId="3" xfId="1" applyNumberFormat="1" applyFont="1" applyFill="1" applyBorder="1" applyAlignment="1">
      <alignment horizontal="right" vertical="center"/>
    </xf>
    <xf numFmtId="0" fontId="5" fillId="2" borderId="4" xfId="0" applyFont="1" applyFill="1" applyBorder="1" applyAlignment="1">
      <alignment horizontal="right" vertical="center"/>
    </xf>
    <xf numFmtId="0" fontId="5" fillId="2" borderId="7" xfId="0" applyFont="1" applyFill="1" applyBorder="1" applyAlignment="1">
      <alignment horizontal="right" vertical="center"/>
    </xf>
    <xf numFmtId="0" fontId="5" fillId="2" borderId="3" xfId="0" applyFont="1" applyFill="1" applyBorder="1" applyAlignment="1">
      <alignment horizontal="right" vertical="center"/>
    </xf>
    <xf numFmtId="38" fontId="6" fillId="2" borderId="18" xfId="1" applyFont="1" applyFill="1" applyBorder="1" applyAlignment="1">
      <alignment horizontal="right" vertical="center"/>
    </xf>
    <xf numFmtId="38" fontId="6" fillId="2" borderId="19" xfId="1" applyFont="1" applyFill="1" applyBorder="1" applyAlignment="1">
      <alignment horizontal="right" vertical="center"/>
    </xf>
    <xf numFmtId="38" fontId="6" fillId="2" borderId="20" xfId="1" applyFont="1" applyFill="1" applyBorder="1" applyAlignment="1">
      <alignment horizontal="right" vertical="center"/>
    </xf>
    <xf numFmtId="0" fontId="6" fillId="2" borderId="12" xfId="0" applyFont="1" applyFill="1" applyBorder="1" applyAlignment="1">
      <alignment horizontal="center" vertical="center"/>
    </xf>
    <xf numFmtId="0" fontId="6" fillId="2" borderId="13" xfId="0" applyFont="1" applyFill="1" applyBorder="1" applyAlignment="1">
      <alignment horizontal="center" vertical="center"/>
    </xf>
    <xf numFmtId="0" fontId="6" fillId="2" borderId="14" xfId="0" applyFont="1" applyFill="1" applyBorder="1" applyAlignment="1">
      <alignment horizontal="center" vertical="center"/>
    </xf>
    <xf numFmtId="38" fontId="6" fillId="2" borderId="24" xfId="1" applyFont="1" applyFill="1" applyBorder="1" applyAlignment="1">
      <alignment horizontal="center" vertical="center"/>
    </xf>
    <xf numFmtId="38" fontId="6" fillId="2" borderId="12" xfId="1" applyFont="1" applyFill="1" applyBorder="1" applyAlignment="1">
      <alignment horizontal="center" vertical="center"/>
    </xf>
    <xf numFmtId="38" fontId="6" fillId="2" borderId="13" xfId="1" applyFont="1" applyFill="1" applyBorder="1" applyAlignment="1">
      <alignment horizontal="center" vertical="center"/>
    </xf>
    <xf numFmtId="38" fontId="6" fillId="2" borderId="14" xfId="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8" xfId="0" applyFont="1" applyFill="1" applyBorder="1" applyAlignment="1">
      <alignment horizontal="center" vertical="center" wrapText="1" shrinkToFit="1"/>
    </xf>
    <xf numFmtId="0" fontId="5" fillId="2" borderId="6" xfId="0" applyFont="1" applyFill="1" applyBorder="1" applyAlignment="1">
      <alignment horizontal="center" vertical="center" wrapText="1" shrinkToFit="1"/>
    </xf>
    <xf numFmtId="0" fontId="5" fillId="2" borderId="5" xfId="0" applyFont="1" applyFill="1" applyBorder="1" applyAlignment="1">
      <alignment horizontal="center" vertical="center" wrapText="1" shrinkToFit="1"/>
    </xf>
    <xf numFmtId="0" fontId="5" fillId="2" borderId="1" xfId="0" applyFont="1" applyFill="1" applyBorder="1" applyAlignment="1">
      <alignment horizontal="center" vertical="center" wrapText="1" shrinkToFit="1"/>
    </xf>
    <xf numFmtId="0" fontId="5" fillId="2" borderId="0" xfId="0" applyFont="1" applyFill="1" applyBorder="1" applyAlignment="1">
      <alignment horizontal="center" vertical="center" wrapText="1" shrinkToFit="1"/>
    </xf>
    <xf numFmtId="0" fontId="5" fillId="2" borderId="2" xfId="0" applyFont="1" applyFill="1" applyBorder="1" applyAlignment="1">
      <alignment horizontal="center" vertical="center" wrapText="1" shrinkToFit="1"/>
    </xf>
    <xf numFmtId="0" fontId="5" fillId="2" borderId="4" xfId="0" applyFont="1" applyFill="1" applyBorder="1" applyAlignment="1">
      <alignment horizontal="center" vertical="center" wrapText="1" shrinkToFit="1"/>
    </xf>
    <xf numFmtId="0" fontId="5" fillId="2" borderId="7" xfId="0" applyFont="1" applyFill="1" applyBorder="1" applyAlignment="1">
      <alignment horizontal="center" vertical="center" wrapText="1" shrinkToFit="1"/>
    </xf>
    <xf numFmtId="0" fontId="5" fillId="2" borderId="3" xfId="0" applyFont="1" applyFill="1" applyBorder="1" applyAlignment="1">
      <alignment horizontal="center" vertical="center" wrapText="1" shrinkToFit="1"/>
    </xf>
    <xf numFmtId="38" fontId="6" fillId="2" borderId="8" xfId="1" applyFont="1" applyFill="1" applyBorder="1" applyAlignment="1">
      <alignment horizontal="center" vertical="center" wrapText="1"/>
    </xf>
    <xf numFmtId="38" fontId="6" fillId="2" borderId="6" xfId="1" applyFont="1" applyFill="1" applyBorder="1" applyAlignment="1">
      <alignment horizontal="center" vertical="center" wrapText="1"/>
    </xf>
    <xf numFmtId="38" fontId="6" fillId="2" borderId="5" xfId="1" applyFont="1" applyFill="1" applyBorder="1" applyAlignment="1">
      <alignment horizontal="center" vertical="center" wrapText="1"/>
    </xf>
    <xf numFmtId="38" fontId="6" fillId="2" borderId="4" xfId="1" applyFont="1" applyFill="1" applyBorder="1" applyAlignment="1">
      <alignment horizontal="center" vertical="center" wrapText="1"/>
    </xf>
    <xf numFmtId="38" fontId="6" fillId="2" borderId="7" xfId="1" applyFont="1" applyFill="1" applyBorder="1" applyAlignment="1">
      <alignment horizontal="center" vertical="center" wrapText="1"/>
    </xf>
    <xf numFmtId="38" fontId="6" fillId="2" borderId="3" xfId="1" applyFont="1" applyFill="1" applyBorder="1" applyAlignment="1">
      <alignment horizontal="center" vertical="center" wrapText="1"/>
    </xf>
    <xf numFmtId="38" fontId="6" fillId="2" borderId="8" xfId="1" applyFont="1" applyFill="1" applyBorder="1" applyAlignment="1">
      <alignment vertical="center" wrapText="1"/>
    </xf>
    <xf numFmtId="38" fontId="6" fillId="2" borderId="6" xfId="1" applyFont="1" applyFill="1" applyBorder="1" applyAlignment="1">
      <alignment vertical="center" wrapText="1"/>
    </xf>
    <xf numFmtId="38" fontId="6" fillId="2" borderId="5" xfId="1" applyFont="1" applyFill="1" applyBorder="1" applyAlignment="1">
      <alignment vertical="center" wrapText="1"/>
    </xf>
    <xf numFmtId="38" fontId="6" fillId="2" borderId="18" xfId="1" applyFont="1" applyFill="1" applyBorder="1" applyAlignment="1">
      <alignment vertical="center" wrapText="1"/>
    </xf>
    <xf numFmtId="38" fontId="6" fillId="2" borderId="19" xfId="1" applyFont="1" applyFill="1" applyBorder="1" applyAlignment="1">
      <alignment vertical="center" wrapText="1"/>
    </xf>
    <xf numFmtId="38" fontId="6" fillId="2" borderId="20" xfId="1" applyFont="1" applyFill="1" applyBorder="1" applyAlignment="1">
      <alignment vertical="center" wrapText="1"/>
    </xf>
    <xf numFmtId="38" fontId="6" fillId="2" borderId="4" xfId="1" applyFont="1" applyFill="1" applyBorder="1" applyAlignment="1">
      <alignment vertical="center" wrapText="1"/>
    </xf>
    <xf numFmtId="38" fontId="6" fillId="2" borderId="7" xfId="1" applyFont="1" applyFill="1" applyBorder="1" applyAlignment="1">
      <alignment vertical="center" wrapText="1"/>
    </xf>
    <xf numFmtId="38" fontId="6" fillId="2" borderId="3" xfId="1" applyFont="1" applyFill="1" applyBorder="1" applyAlignment="1">
      <alignment vertical="center" wrapText="1"/>
    </xf>
    <xf numFmtId="176" fontId="6" fillId="2" borderId="8" xfId="1" applyNumberFormat="1" applyFont="1" applyFill="1" applyBorder="1" applyAlignment="1">
      <alignment vertical="center" wrapText="1"/>
    </xf>
    <xf numFmtId="176" fontId="6" fillId="2" borderId="6" xfId="1" applyNumberFormat="1" applyFont="1" applyFill="1" applyBorder="1" applyAlignment="1">
      <alignment vertical="center" wrapText="1"/>
    </xf>
    <xf numFmtId="176" fontId="6" fillId="2" borderId="5" xfId="1" applyNumberFormat="1" applyFont="1" applyFill="1" applyBorder="1" applyAlignment="1">
      <alignment vertical="center" wrapText="1"/>
    </xf>
    <xf numFmtId="176" fontId="6" fillId="2" borderId="4" xfId="1" applyNumberFormat="1" applyFont="1" applyFill="1" applyBorder="1" applyAlignment="1">
      <alignment vertical="center" wrapText="1"/>
    </xf>
    <xf numFmtId="176" fontId="6" fillId="2" borderId="7" xfId="1" applyNumberFormat="1" applyFont="1" applyFill="1" applyBorder="1" applyAlignment="1">
      <alignment vertical="center" wrapText="1"/>
    </xf>
    <xf numFmtId="176" fontId="6" fillId="2" borderId="3" xfId="1" applyNumberFormat="1" applyFont="1" applyFill="1" applyBorder="1" applyAlignment="1">
      <alignment vertical="center" wrapText="1"/>
    </xf>
    <xf numFmtId="176" fontId="6" fillId="2" borderId="18" xfId="1" applyNumberFormat="1" applyFont="1" applyFill="1" applyBorder="1" applyAlignment="1">
      <alignment vertical="center" wrapText="1"/>
    </xf>
    <xf numFmtId="176" fontId="6" fillId="2" borderId="19" xfId="1" applyNumberFormat="1" applyFont="1" applyFill="1" applyBorder="1" applyAlignment="1">
      <alignment vertical="center" wrapText="1"/>
    </xf>
    <xf numFmtId="176" fontId="6" fillId="2" borderId="20" xfId="1" applyNumberFormat="1" applyFont="1" applyFill="1" applyBorder="1" applyAlignment="1">
      <alignment vertical="center" wrapText="1"/>
    </xf>
    <xf numFmtId="0" fontId="7" fillId="0" borderId="12"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38" fontId="6" fillId="2" borderId="12" xfId="1" applyFont="1" applyFill="1" applyBorder="1" applyAlignment="1">
      <alignment vertical="center" wrapText="1"/>
    </xf>
    <xf numFmtId="38" fontId="6" fillId="2" borderId="13" xfId="1" applyFont="1" applyFill="1" applyBorder="1" applyAlignment="1">
      <alignment vertical="center" wrapText="1"/>
    </xf>
    <xf numFmtId="38" fontId="6" fillId="2" borderId="14" xfId="1" applyFont="1" applyFill="1" applyBorder="1" applyAlignment="1">
      <alignment vertical="center" wrapText="1"/>
    </xf>
    <xf numFmtId="0" fontId="5" fillId="2" borderId="38" xfId="0" applyFont="1" applyFill="1" applyBorder="1" applyAlignment="1">
      <alignment horizontal="center" vertical="center" wrapText="1"/>
    </xf>
    <xf numFmtId="0" fontId="5" fillId="2" borderId="39" xfId="0" applyFont="1" applyFill="1" applyBorder="1" applyAlignment="1">
      <alignment horizontal="center" vertical="center" wrapText="1"/>
    </xf>
    <xf numFmtId="0" fontId="5" fillId="2" borderId="38" xfId="0" applyFont="1" applyFill="1" applyBorder="1" applyAlignment="1">
      <alignment horizontal="center" vertical="center" wrapText="1" shrinkToFit="1"/>
    </xf>
    <xf numFmtId="0" fontId="5" fillId="2" borderId="39" xfId="0" applyFont="1" applyFill="1" applyBorder="1" applyAlignment="1">
      <alignment horizontal="center" vertical="center" wrapText="1" shrinkToFit="1"/>
    </xf>
    <xf numFmtId="0" fontId="5" fillId="2" borderId="40" xfId="0" applyFont="1" applyFill="1" applyBorder="1" applyAlignment="1">
      <alignment horizontal="center" vertical="center" wrapText="1"/>
    </xf>
    <xf numFmtId="0" fontId="4" fillId="2" borderId="0" xfId="0" applyFont="1" applyFill="1" applyBorder="1" applyAlignment="1">
      <alignment horizontal="right" vertical="center"/>
    </xf>
    <xf numFmtId="38" fontId="6" fillId="2" borderId="18" xfId="1" applyFont="1" applyFill="1" applyBorder="1" applyAlignment="1">
      <alignment horizontal="center" vertical="center" wrapText="1"/>
    </xf>
    <xf numFmtId="38" fontId="6" fillId="2" borderId="19" xfId="1" applyFont="1" applyFill="1" applyBorder="1" applyAlignment="1">
      <alignment horizontal="center" vertical="center" wrapText="1"/>
    </xf>
    <xf numFmtId="38" fontId="6" fillId="2" borderId="20" xfId="1" applyFont="1" applyFill="1" applyBorder="1" applyAlignment="1">
      <alignment horizontal="center" vertical="center" wrapText="1"/>
    </xf>
    <xf numFmtId="176" fontId="6" fillId="2" borderId="8" xfId="1" applyNumberFormat="1" applyFont="1" applyFill="1" applyBorder="1" applyAlignment="1">
      <alignment horizontal="center" vertical="center" wrapText="1"/>
    </xf>
    <xf numFmtId="176" fontId="6" fillId="2" borderId="6" xfId="1" applyNumberFormat="1" applyFont="1" applyFill="1" applyBorder="1" applyAlignment="1">
      <alignment horizontal="center" vertical="center" wrapText="1"/>
    </xf>
    <xf numFmtId="176" fontId="6" fillId="2" borderId="5" xfId="1" applyNumberFormat="1" applyFont="1" applyFill="1" applyBorder="1" applyAlignment="1">
      <alignment horizontal="center" vertical="center" wrapText="1"/>
    </xf>
    <xf numFmtId="176" fontId="6" fillId="2" borderId="4" xfId="1" applyNumberFormat="1" applyFont="1" applyFill="1" applyBorder="1" applyAlignment="1">
      <alignment horizontal="center" vertical="center" wrapText="1"/>
    </xf>
    <xf numFmtId="176" fontId="6" fillId="2" borderId="7" xfId="1" applyNumberFormat="1" applyFont="1" applyFill="1" applyBorder="1" applyAlignment="1">
      <alignment horizontal="center" vertical="center" wrapText="1"/>
    </xf>
    <xf numFmtId="176" fontId="6" fillId="2" borderId="3" xfId="1" applyNumberFormat="1" applyFont="1" applyFill="1" applyBorder="1" applyAlignment="1">
      <alignment horizontal="center" vertical="center" wrapText="1"/>
    </xf>
    <xf numFmtId="38" fontId="6" fillId="2" borderId="39" xfId="1" applyFont="1" applyFill="1" applyBorder="1" applyAlignment="1">
      <alignment horizontal="center" vertical="center" wrapText="1"/>
    </xf>
    <xf numFmtId="38" fontId="6" fillId="2" borderId="42" xfId="1" applyFont="1" applyFill="1" applyBorder="1" applyAlignment="1">
      <alignment horizontal="center" vertical="center" wrapText="1"/>
    </xf>
    <xf numFmtId="38" fontId="6" fillId="2" borderId="38" xfId="1" applyFont="1" applyFill="1" applyBorder="1" applyAlignment="1">
      <alignment horizontal="center" vertical="center" wrapText="1"/>
    </xf>
    <xf numFmtId="38" fontId="6" fillId="2" borderId="38" xfId="1" applyFont="1" applyFill="1" applyBorder="1" applyAlignment="1">
      <alignment vertical="center" wrapText="1"/>
    </xf>
    <xf numFmtId="38" fontId="6" fillId="2" borderId="41" xfId="1" applyFont="1" applyFill="1" applyBorder="1" applyAlignment="1">
      <alignment horizontal="center" vertical="center" wrapText="1"/>
    </xf>
    <xf numFmtId="38" fontId="6" fillId="2" borderId="43" xfId="1" applyFont="1" applyFill="1" applyBorder="1" applyAlignment="1">
      <alignment horizontal="center" vertical="center" wrapText="1"/>
    </xf>
    <xf numFmtId="38" fontId="6" fillId="2" borderId="41" xfId="1" applyFont="1" applyFill="1" applyBorder="1" applyAlignment="1">
      <alignment vertical="center" wrapText="1"/>
    </xf>
    <xf numFmtId="38" fontId="6" fillId="2" borderId="43" xfId="1" applyFont="1" applyFill="1" applyBorder="1" applyAlignment="1">
      <alignment vertical="center" wrapText="1"/>
    </xf>
    <xf numFmtId="38" fontId="6" fillId="2" borderId="40" xfId="1" applyFont="1" applyFill="1" applyBorder="1" applyAlignment="1">
      <alignment horizontal="center" vertical="center" wrapText="1"/>
    </xf>
    <xf numFmtId="38" fontId="6" fillId="2" borderId="40" xfId="1" applyFont="1" applyFill="1" applyBorder="1" applyAlignment="1">
      <alignment vertical="center" wrapText="1"/>
    </xf>
    <xf numFmtId="0" fontId="5" fillId="2" borderId="44" xfId="0" applyFont="1" applyFill="1" applyBorder="1" applyAlignment="1">
      <alignment horizontal="center" vertical="center" wrapText="1"/>
    </xf>
    <xf numFmtId="0" fontId="5" fillId="2" borderId="50" xfId="0" applyFont="1" applyFill="1" applyBorder="1" applyAlignment="1">
      <alignment horizontal="center" vertical="center" wrapText="1"/>
    </xf>
    <xf numFmtId="0" fontId="5" fillId="2" borderId="60" xfId="0" applyFont="1" applyFill="1" applyBorder="1" applyAlignment="1">
      <alignment horizontal="center" vertical="center" wrapText="1"/>
    </xf>
    <xf numFmtId="0" fontId="5" fillId="2" borderId="31" xfId="0" applyFont="1" applyFill="1" applyBorder="1" applyAlignment="1">
      <alignment horizontal="center" vertical="center" wrapText="1"/>
    </xf>
    <xf numFmtId="0" fontId="5" fillId="2" borderId="36" xfId="0" applyFont="1" applyFill="1" applyBorder="1" applyAlignment="1">
      <alignment horizontal="center" vertical="center" wrapText="1"/>
    </xf>
    <xf numFmtId="0" fontId="5" fillId="2" borderId="53" xfId="0" applyFont="1" applyFill="1" applyBorder="1" applyAlignment="1">
      <alignment horizontal="center" vertical="center" wrapText="1"/>
    </xf>
    <xf numFmtId="0" fontId="5" fillId="2" borderId="49" xfId="0" applyFont="1" applyFill="1" applyBorder="1" applyAlignment="1">
      <alignment horizontal="center" vertical="center" wrapText="1"/>
    </xf>
    <xf numFmtId="0" fontId="5" fillId="2" borderId="30" xfId="0" applyFont="1" applyFill="1" applyBorder="1" applyAlignment="1">
      <alignment horizontal="center" vertical="center" wrapText="1"/>
    </xf>
    <xf numFmtId="0" fontId="5" fillId="2" borderId="68" xfId="0" applyFont="1" applyFill="1" applyBorder="1" applyAlignment="1">
      <alignment horizontal="center" vertical="center" wrapText="1" shrinkToFit="1"/>
    </xf>
    <xf numFmtId="0" fontId="5" fillId="2" borderId="50" xfId="0" applyFont="1" applyFill="1" applyBorder="1" applyAlignment="1">
      <alignment horizontal="center" vertical="center" wrapText="1" shrinkToFit="1"/>
    </xf>
    <xf numFmtId="0" fontId="5" fillId="2" borderId="60" xfId="0" applyFont="1" applyFill="1" applyBorder="1" applyAlignment="1">
      <alignment horizontal="center" vertical="center" wrapText="1" shrinkToFit="1"/>
    </xf>
    <xf numFmtId="0" fontId="5" fillId="2" borderId="55" xfId="0" applyFont="1" applyFill="1" applyBorder="1" applyAlignment="1">
      <alignment horizontal="center" vertical="center" wrapText="1" shrinkToFit="1"/>
    </xf>
    <xf numFmtId="0" fontId="5" fillId="2" borderId="36" xfId="0" applyFont="1" applyFill="1" applyBorder="1" applyAlignment="1">
      <alignment horizontal="center" vertical="center" wrapText="1" shrinkToFit="1"/>
    </xf>
    <xf numFmtId="0" fontId="5" fillId="2" borderId="53" xfId="0" applyFont="1" applyFill="1" applyBorder="1" applyAlignment="1">
      <alignment horizontal="center" vertical="center" wrapText="1" shrinkToFit="1"/>
    </xf>
    <xf numFmtId="0" fontId="5" fillId="2" borderId="55" xfId="0" applyFont="1" applyFill="1" applyBorder="1" applyAlignment="1">
      <alignment horizontal="center" vertical="center" wrapText="1"/>
    </xf>
    <xf numFmtId="0" fontId="5" fillId="2" borderId="56" xfId="0" applyFont="1" applyFill="1" applyBorder="1" applyAlignment="1">
      <alignment horizontal="center" vertical="center" wrapText="1"/>
    </xf>
    <xf numFmtId="0" fontId="5" fillId="2" borderId="57" xfId="0" applyFont="1" applyFill="1" applyBorder="1" applyAlignment="1">
      <alignment horizontal="center" vertical="center" wrapText="1"/>
    </xf>
    <xf numFmtId="0" fontId="5" fillId="2" borderId="52" xfId="0" applyFont="1" applyFill="1" applyBorder="1" applyAlignment="1">
      <alignment horizontal="center" vertical="center" wrapText="1"/>
    </xf>
    <xf numFmtId="0" fontId="5" fillId="2" borderId="58" xfId="0" applyFont="1" applyFill="1" applyBorder="1" applyAlignment="1">
      <alignment horizontal="center" vertical="center" wrapText="1"/>
    </xf>
    <xf numFmtId="0" fontId="5" fillId="2" borderId="45" xfId="0" applyFont="1" applyFill="1" applyBorder="1" applyAlignment="1">
      <alignment horizontal="center" vertical="center" wrapText="1"/>
    </xf>
    <xf numFmtId="0" fontId="5" fillId="2" borderId="46" xfId="0" applyFont="1" applyFill="1" applyBorder="1" applyAlignment="1">
      <alignment horizontal="center" vertical="center" wrapText="1"/>
    </xf>
    <xf numFmtId="0" fontId="5" fillId="2" borderId="67" xfId="0" applyFont="1" applyFill="1" applyBorder="1" applyAlignment="1">
      <alignment horizontal="center" vertical="center" wrapText="1"/>
    </xf>
    <xf numFmtId="0" fontId="5" fillId="2" borderId="34" xfId="0" applyFont="1" applyFill="1" applyBorder="1" applyAlignment="1">
      <alignment horizontal="center" vertical="center" wrapText="1"/>
    </xf>
    <xf numFmtId="0" fontId="5" fillId="2" borderId="65" xfId="0" applyFont="1" applyFill="1" applyBorder="1" applyAlignment="1">
      <alignment horizontal="center" vertical="center" wrapText="1"/>
    </xf>
    <xf numFmtId="0" fontId="5" fillId="2" borderId="29" xfId="0" applyFont="1" applyFill="1" applyBorder="1" applyAlignment="1">
      <alignment horizontal="center" vertical="center" wrapText="1"/>
    </xf>
    <xf numFmtId="0" fontId="5" fillId="2" borderId="35" xfId="0" applyFont="1" applyFill="1" applyBorder="1" applyAlignment="1">
      <alignment horizontal="center" vertical="center" wrapText="1"/>
    </xf>
    <xf numFmtId="0" fontId="5" fillId="2" borderId="66" xfId="0" applyFont="1" applyFill="1" applyBorder="1" applyAlignment="1">
      <alignment horizontal="center" vertical="center" wrapText="1"/>
    </xf>
    <xf numFmtId="38" fontId="6" fillId="2" borderId="0" xfId="1" applyFont="1" applyFill="1" applyBorder="1" applyAlignment="1">
      <alignment horizontal="center" vertical="center" wrapText="1"/>
    </xf>
    <xf numFmtId="38" fontId="6" fillId="2" borderId="2" xfId="1" applyFont="1" applyFill="1" applyBorder="1" applyAlignment="1">
      <alignment horizontal="center" vertical="center" wrapText="1"/>
    </xf>
    <xf numFmtId="176" fontId="6" fillId="2" borderId="0" xfId="1" applyNumberFormat="1" applyFont="1" applyFill="1" applyBorder="1" applyAlignment="1">
      <alignment horizontal="center" vertical="center" wrapText="1"/>
    </xf>
    <xf numFmtId="176" fontId="6" fillId="2" borderId="2" xfId="1" applyNumberFormat="1" applyFont="1" applyFill="1" applyBorder="1" applyAlignment="1">
      <alignment horizontal="center" vertical="center" wrapText="1"/>
    </xf>
    <xf numFmtId="176" fontId="6" fillId="2" borderId="33" xfId="1" applyNumberFormat="1" applyFont="1" applyFill="1" applyBorder="1" applyAlignment="1">
      <alignment vertical="center" wrapText="1"/>
    </xf>
    <xf numFmtId="176" fontId="6" fillId="2" borderId="37" xfId="1" applyNumberFormat="1" applyFont="1" applyFill="1" applyBorder="1" applyAlignment="1">
      <alignment vertical="center" wrapText="1"/>
    </xf>
    <xf numFmtId="176" fontId="6" fillId="2" borderId="54" xfId="1" applyNumberFormat="1" applyFont="1" applyFill="1" applyBorder="1" applyAlignment="1">
      <alignment vertical="center" wrapText="1"/>
    </xf>
    <xf numFmtId="176" fontId="6" fillId="2" borderId="29" xfId="1" applyNumberFormat="1" applyFont="1" applyFill="1" applyBorder="1" applyAlignment="1">
      <alignment vertical="center" wrapText="1"/>
    </xf>
    <xf numFmtId="176" fontId="6" fillId="2" borderId="35" xfId="1" applyNumberFormat="1" applyFont="1" applyFill="1" applyBorder="1" applyAlignment="1">
      <alignment vertical="center" wrapText="1"/>
    </xf>
    <xf numFmtId="176" fontId="6" fillId="2" borderId="66" xfId="1" applyNumberFormat="1" applyFont="1" applyFill="1" applyBorder="1" applyAlignment="1">
      <alignment vertical="center" wrapText="1"/>
    </xf>
    <xf numFmtId="38" fontId="6" fillId="2" borderId="33" xfId="1" applyFont="1" applyFill="1" applyBorder="1" applyAlignment="1">
      <alignment horizontal="center" vertical="center" wrapText="1"/>
    </xf>
    <xf numFmtId="38" fontId="6" fillId="2" borderId="37" xfId="1" applyFont="1" applyFill="1" applyBorder="1" applyAlignment="1">
      <alignment horizontal="center" vertical="center" wrapText="1"/>
    </xf>
    <xf numFmtId="38" fontId="6" fillId="2" borderId="54" xfId="1" applyFont="1" applyFill="1" applyBorder="1" applyAlignment="1">
      <alignment horizontal="center" vertical="center" wrapText="1"/>
    </xf>
    <xf numFmtId="38" fontId="6" fillId="2" borderId="29" xfId="1" applyFont="1" applyFill="1" applyBorder="1" applyAlignment="1">
      <alignment horizontal="center" vertical="center" wrapText="1"/>
    </xf>
    <xf numFmtId="38" fontId="6" fillId="2" borderId="35" xfId="1" applyFont="1" applyFill="1" applyBorder="1" applyAlignment="1">
      <alignment horizontal="center" vertical="center" wrapText="1"/>
    </xf>
    <xf numFmtId="38" fontId="6" fillId="2" borderId="66" xfId="1" applyFont="1" applyFill="1" applyBorder="1" applyAlignment="1">
      <alignment horizontal="center" vertical="center" wrapText="1"/>
    </xf>
    <xf numFmtId="38" fontId="6" fillId="2" borderId="1" xfId="1" applyFont="1" applyFill="1" applyBorder="1" applyAlignment="1">
      <alignment horizontal="center" vertical="center" wrapText="1"/>
    </xf>
    <xf numFmtId="38" fontId="6" fillId="2" borderId="58" xfId="1" applyFont="1" applyFill="1" applyBorder="1" applyAlignment="1">
      <alignment horizontal="center" vertical="center" wrapText="1"/>
    </xf>
    <xf numFmtId="38" fontId="6" fillId="2" borderId="45" xfId="1" applyFont="1" applyFill="1" applyBorder="1" applyAlignment="1">
      <alignment horizontal="center" vertical="center" wrapText="1"/>
    </xf>
    <xf numFmtId="38" fontId="6" fillId="2" borderId="46" xfId="1" applyFont="1" applyFill="1" applyBorder="1" applyAlignment="1">
      <alignment horizontal="center" vertical="center" wrapText="1"/>
    </xf>
    <xf numFmtId="38" fontId="6" fillId="2" borderId="59" xfId="1" applyFont="1" applyFill="1" applyBorder="1" applyAlignment="1">
      <alignment horizontal="center" vertical="center" wrapText="1"/>
    </xf>
    <xf numFmtId="38" fontId="6" fillId="2" borderId="47" xfId="1" applyFont="1" applyFill="1" applyBorder="1" applyAlignment="1">
      <alignment horizontal="center" vertical="center" wrapText="1"/>
    </xf>
    <xf numFmtId="38" fontId="6" fillId="2" borderId="48" xfId="1" applyFont="1" applyFill="1" applyBorder="1" applyAlignment="1">
      <alignment horizontal="center" vertical="center" wrapText="1"/>
    </xf>
    <xf numFmtId="38" fontId="6" fillId="2" borderId="58" xfId="1" applyFont="1" applyFill="1" applyBorder="1" applyAlignment="1">
      <alignment vertical="center" wrapText="1"/>
    </xf>
    <xf numFmtId="38" fontId="6" fillId="2" borderId="45" xfId="1" applyFont="1" applyFill="1" applyBorder="1" applyAlignment="1">
      <alignment vertical="center" wrapText="1"/>
    </xf>
    <xf numFmtId="38" fontId="6" fillId="2" borderId="61" xfId="1" applyFont="1" applyFill="1" applyBorder="1" applyAlignment="1">
      <alignment vertical="center" wrapText="1"/>
    </xf>
    <xf numFmtId="38" fontId="6" fillId="2" borderId="59" xfId="1" applyFont="1" applyFill="1" applyBorder="1" applyAlignment="1">
      <alignment vertical="center" wrapText="1"/>
    </xf>
    <xf numFmtId="38" fontId="6" fillId="2" borderId="47" xfId="1" applyFont="1" applyFill="1" applyBorder="1" applyAlignment="1">
      <alignment vertical="center" wrapText="1"/>
    </xf>
    <xf numFmtId="38" fontId="6" fillId="2" borderId="62" xfId="1" applyFont="1" applyFill="1" applyBorder="1" applyAlignment="1">
      <alignment vertical="center" wrapText="1"/>
    </xf>
    <xf numFmtId="38" fontId="6" fillId="2" borderId="63" xfId="1" applyFont="1" applyFill="1" applyBorder="1" applyAlignment="1">
      <alignment vertical="center" wrapText="1"/>
    </xf>
    <xf numFmtId="38" fontId="6" fillId="2" borderId="46" xfId="1" applyFont="1" applyFill="1" applyBorder="1" applyAlignment="1">
      <alignment vertical="center" wrapText="1"/>
    </xf>
    <xf numFmtId="38" fontId="6" fillId="2" borderId="64" xfId="1" applyFont="1" applyFill="1" applyBorder="1" applyAlignment="1">
      <alignment vertical="center" wrapText="1"/>
    </xf>
    <xf numFmtId="38" fontId="6" fillId="2" borderId="48" xfId="1" applyFont="1" applyFill="1" applyBorder="1" applyAlignment="1">
      <alignment vertical="center" wrapText="1"/>
    </xf>
    <xf numFmtId="176" fontId="6" fillId="2" borderId="58" xfId="1" applyNumberFormat="1" applyFont="1" applyFill="1" applyBorder="1" applyAlignment="1">
      <alignment vertical="center" wrapText="1"/>
    </xf>
    <xf numFmtId="176" fontId="6" fillId="2" borderId="45" xfId="1" applyNumberFormat="1" applyFont="1" applyFill="1" applyBorder="1" applyAlignment="1">
      <alignment vertical="center" wrapText="1"/>
    </xf>
    <xf numFmtId="176" fontId="6" fillId="2" borderId="46" xfId="1" applyNumberFormat="1" applyFont="1" applyFill="1" applyBorder="1" applyAlignment="1">
      <alignment vertical="center" wrapText="1"/>
    </xf>
    <xf numFmtId="176" fontId="6" fillId="2" borderId="59" xfId="1" applyNumberFormat="1" applyFont="1" applyFill="1" applyBorder="1" applyAlignment="1">
      <alignment vertical="center" wrapText="1"/>
    </xf>
    <xf numFmtId="176" fontId="6" fillId="2" borderId="47" xfId="1" applyNumberFormat="1" applyFont="1" applyFill="1" applyBorder="1" applyAlignment="1">
      <alignment vertical="center" wrapText="1"/>
    </xf>
    <xf numFmtId="176" fontId="6" fillId="2" borderId="48" xfId="1" applyNumberFormat="1" applyFont="1" applyFill="1" applyBorder="1" applyAlignment="1">
      <alignment vertical="center" wrapText="1"/>
    </xf>
    <xf numFmtId="38" fontId="6" fillId="2" borderId="33" xfId="1" applyFont="1" applyFill="1" applyBorder="1" applyAlignment="1">
      <alignment vertical="center" wrapText="1"/>
    </xf>
    <xf numFmtId="38" fontId="6" fillId="2" borderId="37" xfId="1" applyFont="1" applyFill="1" applyBorder="1" applyAlignment="1">
      <alignment vertical="center" wrapText="1"/>
    </xf>
    <xf numFmtId="38" fontId="6" fillId="2" borderId="32" xfId="1" applyFont="1" applyFill="1" applyBorder="1" applyAlignment="1">
      <alignment vertical="center" wrapText="1"/>
    </xf>
    <xf numFmtId="38" fontId="6" fillId="2" borderId="29" xfId="1" applyFont="1" applyFill="1" applyBorder="1" applyAlignment="1">
      <alignment vertical="center" wrapText="1"/>
    </xf>
    <xf numFmtId="38" fontId="6" fillId="2" borderId="35" xfId="1" applyFont="1" applyFill="1" applyBorder="1" applyAlignment="1">
      <alignment vertical="center" wrapText="1"/>
    </xf>
    <xf numFmtId="38" fontId="6" fillId="2" borderId="28" xfId="1" applyFont="1" applyFill="1" applyBorder="1" applyAlignment="1">
      <alignment vertical="center" wrapText="1"/>
    </xf>
    <xf numFmtId="38" fontId="6" fillId="2" borderId="72" xfId="1" applyFont="1" applyFill="1" applyBorder="1" applyAlignment="1">
      <alignment vertical="center" wrapText="1"/>
    </xf>
    <xf numFmtId="38" fontId="6" fillId="2" borderId="66" xfId="1" applyFont="1" applyFill="1" applyBorder="1" applyAlignment="1">
      <alignment vertical="center" wrapText="1"/>
    </xf>
    <xf numFmtId="0" fontId="7" fillId="0" borderId="69" xfId="0" applyFont="1" applyFill="1" applyBorder="1" applyAlignment="1">
      <alignment vertical="center"/>
    </xf>
    <xf numFmtId="0" fontId="7" fillId="0" borderId="70" xfId="0" applyFont="1" applyFill="1" applyBorder="1" applyAlignment="1">
      <alignment vertical="center"/>
    </xf>
    <xf numFmtId="0" fontId="7" fillId="0" borderId="71" xfId="0" applyFont="1" applyFill="1" applyBorder="1" applyAlignment="1">
      <alignment vertical="center"/>
    </xf>
    <xf numFmtId="38" fontId="6" fillId="2" borderId="13" xfId="1" applyFont="1" applyFill="1" applyBorder="1" applyAlignment="1">
      <alignment horizontal="center" vertical="center" wrapText="1"/>
    </xf>
    <xf numFmtId="38" fontId="6" fillId="2" borderId="14" xfId="1" applyFont="1" applyFill="1" applyBorder="1" applyAlignment="1">
      <alignment horizontal="center" vertical="center" wrapText="1"/>
    </xf>
    <xf numFmtId="38" fontId="6" fillId="2" borderId="12" xfId="1" applyFont="1" applyFill="1" applyBorder="1" applyAlignment="1">
      <alignment horizontal="center" vertical="center" wrapText="1"/>
    </xf>
    <xf numFmtId="38" fontId="6" fillId="2" borderId="69" xfId="1" applyFont="1" applyFill="1" applyBorder="1" applyAlignment="1">
      <alignment vertical="center" wrapText="1"/>
    </xf>
    <xf numFmtId="38" fontId="6" fillId="2" borderId="70" xfId="1" applyFont="1" applyFill="1" applyBorder="1" applyAlignment="1">
      <alignment vertical="center" wrapText="1"/>
    </xf>
    <xf numFmtId="38" fontId="6" fillId="2" borderId="71" xfId="1" applyFont="1" applyFill="1" applyBorder="1" applyAlignment="1">
      <alignment vertical="center" wrapText="1"/>
    </xf>
    <xf numFmtId="38" fontId="6" fillId="2" borderId="74" xfId="1" applyFont="1" applyFill="1" applyBorder="1" applyAlignment="1">
      <alignment vertical="center" wrapText="1"/>
    </xf>
    <xf numFmtId="38" fontId="6" fillId="2" borderId="73" xfId="1" applyFont="1" applyFill="1" applyBorder="1" applyAlignment="1">
      <alignment vertical="center" wrapText="1"/>
    </xf>
    <xf numFmtId="38" fontId="6" fillId="2" borderId="25" xfId="1" applyFont="1" applyFill="1" applyBorder="1" applyAlignment="1">
      <alignment horizontal="center" vertical="center"/>
    </xf>
    <xf numFmtId="38" fontId="6" fillId="2" borderId="26" xfId="1" applyFont="1" applyFill="1" applyBorder="1" applyAlignment="1">
      <alignment horizontal="center" vertical="center"/>
    </xf>
    <xf numFmtId="38" fontId="6" fillId="2" borderId="27" xfId="1" applyFont="1" applyFill="1" applyBorder="1" applyAlignment="1">
      <alignment horizontal="center" vertical="center"/>
    </xf>
    <xf numFmtId="40" fontId="6" fillId="2" borderId="8" xfId="1" applyNumberFormat="1" applyFont="1" applyFill="1" applyBorder="1" applyAlignment="1">
      <alignment horizontal="center" vertical="center"/>
    </xf>
    <xf numFmtId="40" fontId="6" fillId="2" borderId="6" xfId="1" applyNumberFormat="1" applyFont="1" applyFill="1" applyBorder="1" applyAlignment="1">
      <alignment horizontal="center" vertical="center"/>
    </xf>
    <xf numFmtId="40" fontId="6" fillId="2" borderId="5" xfId="1" applyNumberFormat="1" applyFont="1" applyFill="1" applyBorder="1" applyAlignment="1">
      <alignment horizontal="center" vertical="center"/>
    </xf>
    <xf numFmtId="40" fontId="6" fillId="2" borderId="4" xfId="1" applyNumberFormat="1" applyFont="1" applyFill="1" applyBorder="1" applyAlignment="1">
      <alignment horizontal="center" vertical="center"/>
    </xf>
    <xf numFmtId="40" fontId="6" fillId="2" borderId="7" xfId="1" applyNumberFormat="1" applyFont="1" applyFill="1" applyBorder="1" applyAlignment="1">
      <alignment horizontal="center" vertical="center"/>
    </xf>
    <xf numFmtId="40" fontId="6" fillId="2" borderId="3" xfId="1" applyNumberFormat="1" applyFont="1" applyFill="1" applyBorder="1" applyAlignment="1">
      <alignment horizontal="center" vertical="center"/>
    </xf>
    <xf numFmtId="40" fontId="6" fillId="2" borderId="18" xfId="1" applyNumberFormat="1" applyFont="1" applyFill="1" applyBorder="1" applyAlignment="1">
      <alignment horizontal="center" vertical="center"/>
    </xf>
    <xf numFmtId="40" fontId="6" fillId="2" borderId="19" xfId="1" applyNumberFormat="1" applyFont="1" applyFill="1" applyBorder="1" applyAlignment="1">
      <alignment horizontal="center" vertical="center"/>
    </xf>
    <xf numFmtId="40" fontId="6" fillId="2" borderId="20" xfId="1" applyNumberFormat="1"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wrapText="1" shrinkToFit="1"/>
    </xf>
    <xf numFmtId="0" fontId="8" fillId="2" borderId="11" xfId="0" applyFont="1" applyFill="1" applyBorder="1" applyAlignment="1">
      <alignment horizontal="center" vertical="center" wrapText="1" shrinkToFit="1"/>
    </xf>
    <xf numFmtId="0" fontId="8" fillId="2" borderId="9" xfId="0" applyFont="1" applyFill="1" applyBorder="1" applyAlignment="1">
      <alignment horizontal="center" vertical="center" wrapText="1" shrinkToFit="1"/>
    </xf>
    <xf numFmtId="0" fontId="7" fillId="0" borderId="10"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9" xfId="0" applyFont="1" applyFill="1"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BL194"/>
  <sheetViews>
    <sheetView showGridLines="0" tabSelected="1" zoomScale="70" zoomScaleNormal="70" zoomScaleSheetLayoutView="37" workbookViewId="0"/>
  </sheetViews>
  <sheetFormatPr defaultRowHeight="13.5" x14ac:dyDescent="0.15"/>
  <cols>
    <col min="1" max="1" width="4" style="13" customWidth="1"/>
    <col min="2" max="2" width="2.25" style="13" customWidth="1"/>
    <col min="3" max="5" width="2.75" style="13" customWidth="1"/>
    <col min="6" max="6" width="3.875" style="13" customWidth="1"/>
    <col min="7" max="17" width="2.75" style="13" customWidth="1"/>
    <col min="18" max="23" width="2.625" style="13" customWidth="1"/>
    <col min="24" max="35" width="2.75" style="13" customWidth="1"/>
    <col min="36" max="39" width="1.75" style="13" customWidth="1"/>
    <col min="40" max="51" width="2.5" style="13" customWidth="1"/>
    <col min="52" max="55" width="2.75" style="13" customWidth="1"/>
    <col min="56" max="56" width="1.75" style="13" customWidth="1"/>
    <col min="57" max="57" width="1" style="13" customWidth="1"/>
    <col min="58" max="58" width="2.375" style="13" customWidth="1"/>
    <col min="59" max="16384" width="9" style="13"/>
  </cols>
  <sheetData>
    <row r="2" spans="2:64" x14ac:dyDescent="0.15">
      <c r="B2" s="19"/>
      <c r="C2" s="5"/>
      <c r="D2" s="5"/>
      <c r="E2" s="5"/>
      <c r="F2" s="5"/>
      <c r="G2" s="5"/>
      <c r="H2" s="5"/>
      <c r="I2" s="5"/>
      <c r="J2" s="5"/>
      <c r="K2" s="5"/>
      <c r="L2" s="5"/>
      <c r="M2" s="5"/>
      <c r="N2" s="5"/>
      <c r="O2" s="5"/>
      <c r="P2" s="5"/>
      <c r="Q2" s="5"/>
      <c r="R2" s="5"/>
      <c r="S2" s="5"/>
      <c r="T2" s="5"/>
      <c r="U2" s="5"/>
      <c r="V2" s="5"/>
      <c r="W2" s="5"/>
      <c r="X2" s="5"/>
      <c r="Y2" s="5"/>
      <c r="Z2" s="5"/>
      <c r="AA2" s="5"/>
      <c r="AB2" s="5"/>
      <c r="AC2" s="5"/>
      <c r="AD2" s="5"/>
      <c r="AE2" s="5"/>
      <c r="AF2" s="5"/>
      <c r="AG2" s="5"/>
      <c r="AH2" s="5"/>
      <c r="AI2" s="5"/>
      <c r="AJ2" s="5"/>
      <c r="AK2" s="5"/>
      <c r="AL2" s="5"/>
      <c r="AM2" s="5"/>
      <c r="AN2" s="5"/>
      <c r="AO2" s="5"/>
      <c r="AP2" s="5"/>
      <c r="AQ2" s="5"/>
      <c r="AR2" s="5"/>
      <c r="AS2" s="5"/>
      <c r="AT2" s="5"/>
      <c r="AU2" s="5"/>
      <c r="AV2" s="5"/>
      <c r="AW2" s="5"/>
      <c r="AX2" s="5"/>
      <c r="AY2" s="5"/>
      <c r="AZ2" s="5"/>
      <c r="BA2" s="5"/>
      <c r="BB2" s="5"/>
      <c r="BC2" s="20" t="s">
        <v>59</v>
      </c>
      <c r="BD2" s="5"/>
      <c r="BE2" s="5"/>
    </row>
    <row r="3" spans="2:64" ht="21" x14ac:dyDescent="0.15">
      <c r="B3" s="69" t="s">
        <v>6</v>
      </c>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row>
    <row r="4" spans="2:64" ht="24" customHeight="1" x14ac:dyDescent="0.15">
      <c r="B4" s="5"/>
      <c r="C4" s="5"/>
      <c r="D4" s="5"/>
      <c r="E4" s="5"/>
      <c r="F4" s="5"/>
      <c r="G4" s="5"/>
      <c r="H4" s="5"/>
      <c r="I4" s="5"/>
      <c r="J4" s="5"/>
      <c r="K4" s="5"/>
      <c r="L4" s="5"/>
      <c r="M4" s="5"/>
      <c r="N4" s="5"/>
      <c r="O4" s="5"/>
      <c r="P4" s="5"/>
      <c r="Q4" s="5"/>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row>
    <row r="5" spans="2:64" s="21" customFormat="1" ht="24.95" customHeight="1" x14ac:dyDescent="0.15">
      <c r="B5" s="70" t="s">
        <v>0</v>
      </c>
      <c r="C5" s="71"/>
      <c r="D5" s="71"/>
      <c r="E5" s="72"/>
      <c r="F5" s="70"/>
      <c r="G5" s="71"/>
      <c r="H5" s="71"/>
      <c r="I5" s="71"/>
      <c r="J5" s="71"/>
      <c r="K5" s="71"/>
      <c r="L5" s="71"/>
      <c r="M5" s="71"/>
      <c r="N5" s="71"/>
      <c r="O5" s="71"/>
      <c r="P5" s="71"/>
      <c r="Q5" s="71"/>
      <c r="R5" s="71"/>
      <c r="S5" s="71"/>
      <c r="T5" s="71"/>
      <c r="U5" s="71"/>
      <c r="V5" s="71"/>
      <c r="W5" s="71"/>
      <c r="X5" s="72"/>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row>
    <row r="6" spans="2:64" s="21" customFormat="1" ht="9" customHeight="1" x14ac:dyDescent="0.15">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row>
    <row r="7" spans="2:64" s="21" customFormat="1" ht="24.95" customHeight="1" x14ac:dyDescent="0.15">
      <c r="B7" s="70" t="s">
        <v>1</v>
      </c>
      <c r="C7" s="71"/>
      <c r="D7" s="71"/>
      <c r="E7" s="72"/>
      <c r="F7" s="70"/>
      <c r="G7" s="71"/>
      <c r="H7" s="71"/>
      <c r="I7" s="71"/>
      <c r="J7" s="71"/>
      <c r="K7" s="71"/>
      <c r="L7" s="72"/>
      <c r="M7" s="70" t="s">
        <v>2</v>
      </c>
      <c r="N7" s="71"/>
      <c r="O7" s="71"/>
      <c r="P7" s="72"/>
      <c r="Q7" s="70"/>
      <c r="R7" s="71"/>
      <c r="S7" s="71"/>
      <c r="T7" s="71"/>
      <c r="U7" s="71"/>
      <c r="V7" s="71"/>
      <c r="W7" s="71"/>
      <c r="X7" s="72"/>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row>
    <row r="8" spans="2:64" s="21" customFormat="1" ht="9" customHeight="1" x14ac:dyDescent="0.15">
      <c r="B8" s="22"/>
      <c r="C8" s="22"/>
      <c r="D8" s="22"/>
      <c r="E8" s="22"/>
      <c r="F8" s="22"/>
      <c r="G8" s="22"/>
      <c r="H8" s="22"/>
      <c r="I8" s="22"/>
      <c r="J8" s="22"/>
      <c r="K8" s="22"/>
      <c r="L8" s="22"/>
      <c r="M8" s="22"/>
      <c r="N8" s="22"/>
      <c r="O8" s="22"/>
      <c r="P8" s="22"/>
      <c r="Q8" s="22"/>
      <c r="R8" s="22"/>
      <c r="S8" s="22"/>
      <c r="T8" s="22"/>
      <c r="U8" s="22"/>
      <c r="V8" s="22"/>
      <c r="W8" s="22"/>
      <c r="X8" s="22"/>
      <c r="Y8" s="22"/>
      <c r="Z8" s="22"/>
      <c r="AA8" s="23"/>
      <c r="AB8" s="22"/>
      <c r="AC8" s="22"/>
      <c r="AD8" s="22"/>
      <c r="AE8" s="22"/>
      <c r="AF8" s="22"/>
      <c r="AG8" s="22"/>
      <c r="AH8" s="22"/>
      <c r="AI8" s="22"/>
      <c r="AJ8" s="22"/>
      <c r="AK8" s="22"/>
      <c r="AL8" s="22"/>
      <c r="AM8" s="22"/>
      <c r="AN8" s="22"/>
      <c r="AO8" s="22"/>
      <c r="AP8" s="22"/>
      <c r="AQ8" s="22"/>
      <c r="AR8" s="22"/>
      <c r="AS8" s="22"/>
      <c r="AT8" s="22"/>
      <c r="AU8" s="22"/>
      <c r="AV8" s="22"/>
      <c r="AW8" s="22"/>
      <c r="AX8" s="22"/>
      <c r="AY8" s="22"/>
      <c r="AZ8" s="22"/>
      <c r="BA8" s="22"/>
      <c r="BB8" s="22"/>
      <c r="BC8" s="22"/>
      <c r="BD8" s="22"/>
      <c r="BE8" s="22"/>
    </row>
    <row r="9" spans="2:64" s="21" customFormat="1" ht="18" customHeight="1" x14ac:dyDescent="0.15">
      <c r="B9" s="24" t="s">
        <v>7</v>
      </c>
      <c r="C9" s="25"/>
      <c r="D9" s="25"/>
      <c r="E9" s="25"/>
      <c r="F9" s="25"/>
      <c r="G9" s="25"/>
      <c r="H9" s="25"/>
      <c r="I9" s="25"/>
      <c r="J9" s="25"/>
      <c r="K9" s="25"/>
      <c r="L9" s="25"/>
      <c r="M9" s="25"/>
      <c r="N9" s="25"/>
      <c r="O9" s="25"/>
      <c r="P9" s="26"/>
      <c r="Q9" s="26"/>
      <c r="R9" s="26"/>
      <c r="S9" s="26"/>
      <c r="T9" s="26"/>
      <c r="U9" s="26"/>
      <c r="V9" s="26"/>
      <c r="W9" s="26"/>
      <c r="X9" s="26"/>
      <c r="Y9" s="26"/>
      <c r="Z9" s="26"/>
      <c r="AA9" s="26"/>
      <c r="AB9" s="26"/>
      <c r="AC9" s="26"/>
      <c r="AD9" s="26"/>
      <c r="AE9" s="26"/>
      <c r="AF9" s="26"/>
      <c r="AG9" s="26"/>
      <c r="AH9" s="26"/>
      <c r="AI9" s="26"/>
      <c r="AJ9" s="26"/>
      <c r="AK9" s="26"/>
      <c r="AL9" s="26"/>
      <c r="AM9" s="26"/>
      <c r="AN9" s="26"/>
      <c r="AO9" s="26"/>
      <c r="AP9" s="26"/>
      <c r="AQ9" s="26"/>
      <c r="AR9" s="26"/>
      <c r="AS9" s="26"/>
      <c r="AT9" s="26"/>
      <c r="AU9" s="26"/>
      <c r="AV9" s="26"/>
      <c r="AW9" s="26"/>
      <c r="AX9" s="26"/>
      <c r="AY9" s="26"/>
      <c r="AZ9" s="26"/>
      <c r="BA9" s="26"/>
      <c r="BB9" s="26"/>
      <c r="BC9" s="26"/>
      <c r="BD9" s="26"/>
      <c r="BE9" s="27"/>
    </row>
    <row r="10" spans="2:64" s="21" customFormat="1" ht="18" customHeight="1" x14ac:dyDescent="0.15">
      <c r="B10" s="28"/>
      <c r="C10" s="4"/>
      <c r="D10" s="29"/>
      <c r="E10" s="29"/>
      <c r="F10" s="29"/>
      <c r="G10" s="29"/>
      <c r="H10" s="29"/>
      <c r="I10" s="29"/>
      <c r="J10" s="29"/>
      <c r="K10" s="29"/>
      <c r="L10" s="29"/>
      <c r="M10" s="29"/>
      <c r="N10" s="29"/>
      <c r="O10" s="29"/>
      <c r="P10" s="29"/>
      <c r="Q10" s="29"/>
      <c r="R10" s="29"/>
      <c r="S10" s="29"/>
      <c r="T10" s="29"/>
      <c r="U10" s="29"/>
      <c r="V10" s="29"/>
      <c r="W10" s="29"/>
      <c r="X10" s="29"/>
      <c r="Y10" s="29"/>
      <c r="Z10" s="29"/>
      <c r="AA10" s="29"/>
      <c r="AB10" s="29"/>
      <c r="AC10" s="29"/>
      <c r="AD10" s="29"/>
      <c r="AE10" s="29"/>
      <c r="AF10" s="29"/>
      <c r="AG10" s="29"/>
      <c r="AH10" s="29"/>
      <c r="AI10" s="29"/>
      <c r="AJ10" s="29"/>
      <c r="AK10" s="29"/>
      <c r="AL10" s="29"/>
      <c r="AM10" s="29"/>
      <c r="AN10" s="29"/>
      <c r="AO10" s="29"/>
      <c r="AP10" s="29"/>
      <c r="AQ10" s="29"/>
      <c r="AR10" s="29"/>
      <c r="AS10" s="29"/>
      <c r="AT10" s="29"/>
      <c r="AU10" s="29"/>
      <c r="AV10" s="29"/>
      <c r="AW10" s="29"/>
      <c r="AX10" s="29"/>
      <c r="AY10" s="29"/>
      <c r="AZ10" s="29"/>
      <c r="BA10" s="29"/>
      <c r="BB10" s="29"/>
      <c r="BC10" s="29"/>
      <c r="BD10" s="29"/>
      <c r="BE10" s="30"/>
    </row>
    <row r="11" spans="2:64" s="21" customFormat="1" ht="18" customHeight="1" x14ac:dyDescent="0.15">
      <c r="B11" s="28"/>
      <c r="C11" s="4"/>
      <c r="D11" s="29"/>
      <c r="E11" s="29"/>
      <c r="F11" s="29"/>
      <c r="G11" s="29"/>
      <c r="H11" s="29"/>
      <c r="I11" s="29"/>
      <c r="J11" s="29"/>
      <c r="K11" s="29"/>
      <c r="L11" s="29"/>
      <c r="M11" s="29"/>
      <c r="N11" s="29"/>
      <c r="O11" s="29"/>
      <c r="P11" s="29"/>
      <c r="Q11" s="29"/>
      <c r="R11" s="29"/>
      <c r="S11" s="29"/>
      <c r="T11" s="29"/>
      <c r="U11" s="29"/>
      <c r="V11" s="29"/>
      <c r="W11" s="29"/>
      <c r="X11" s="29"/>
      <c r="Y11" s="29"/>
      <c r="Z11" s="29"/>
      <c r="AA11" s="29"/>
      <c r="AB11" s="29"/>
      <c r="AC11" s="29"/>
      <c r="AD11" s="29"/>
      <c r="AE11" s="29"/>
      <c r="AF11" s="29"/>
      <c r="AG11" s="29"/>
      <c r="AH11" s="29"/>
      <c r="AI11" s="29"/>
      <c r="AJ11" s="29"/>
      <c r="AK11" s="29"/>
      <c r="AL11" s="29"/>
      <c r="AM11" s="29"/>
      <c r="AN11" s="29"/>
      <c r="AO11" s="29"/>
      <c r="AP11" s="29"/>
      <c r="AQ11" s="29"/>
      <c r="AR11" s="29"/>
      <c r="AS11" s="29"/>
      <c r="AT11" s="29"/>
      <c r="AU11" s="29"/>
      <c r="AV11" s="29"/>
      <c r="AW11" s="29"/>
      <c r="AX11" s="29"/>
      <c r="AY11" s="29"/>
      <c r="AZ11" s="29"/>
      <c r="BA11" s="29"/>
      <c r="BB11" s="29"/>
      <c r="BC11" s="29"/>
      <c r="BD11" s="29"/>
      <c r="BE11" s="30"/>
    </row>
    <row r="12" spans="2:64" s="21" customFormat="1" ht="18" customHeight="1" x14ac:dyDescent="0.15">
      <c r="B12" s="28"/>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31"/>
    </row>
    <row r="13" spans="2:64" s="21" customFormat="1" ht="18" customHeight="1" x14ac:dyDescent="0.15">
      <c r="B13" s="32"/>
      <c r="C13" s="22"/>
      <c r="D13" s="22"/>
      <c r="E13" s="22"/>
      <c r="F13" s="22"/>
      <c r="G13" s="22"/>
      <c r="H13" s="22"/>
      <c r="I13" s="22"/>
      <c r="J13" s="22"/>
      <c r="K13" s="22"/>
      <c r="L13" s="22"/>
      <c r="M13" s="22"/>
      <c r="N13" s="22"/>
      <c r="O13" s="22"/>
      <c r="P13" s="22"/>
      <c r="Q13" s="22"/>
      <c r="R13" s="22"/>
      <c r="S13" s="22"/>
      <c r="T13" s="22"/>
      <c r="U13" s="22"/>
      <c r="V13" s="22"/>
      <c r="W13" s="22"/>
      <c r="X13" s="22"/>
      <c r="Y13" s="22"/>
      <c r="Z13" s="22"/>
      <c r="AA13" s="22"/>
      <c r="AB13" s="22"/>
      <c r="AC13" s="22"/>
      <c r="AD13" s="22"/>
      <c r="AE13" s="22"/>
      <c r="AF13" s="22"/>
      <c r="AG13" s="22"/>
      <c r="AH13" s="22"/>
      <c r="AI13" s="22"/>
      <c r="AJ13" s="22"/>
      <c r="AK13" s="22"/>
      <c r="AL13" s="22"/>
      <c r="AM13" s="22"/>
      <c r="AN13" s="22"/>
      <c r="AO13" s="22"/>
      <c r="AP13" s="22"/>
      <c r="AQ13" s="22"/>
      <c r="AR13" s="22"/>
      <c r="AS13" s="22"/>
      <c r="AT13" s="22"/>
      <c r="AU13" s="22"/>
      <c r="AV13" s="22"/>
      <c r="AW13" s="22"/>
      <c r="AX13" s="22"/>
      <c r="AY13" s="22"/>
      <c r="AZ13" s="22"/>
      <c r="BA13" s="22"/>
      <c r="BB13" s="22"/>
      <c r="BC13" s="22"/>
      <c r="BD13" s="22"/>
      <c r="BE13" s="33"/>
    </row>
    <row r="14" spans="2:64" ht="10.5" customHeight="1" x14ac:dyDescent="0.15">
      <c r="B14" s="34"/>
      <c r="C14" s="4"/>
      <c r="D14" s="5"/>
      <c r="E14" s="5"/>
      <c r="F14" s="5"/>
      <c r="G14" s="5"/>
      <c r="H14" s="5"/>
      <c r="I14" s="5"/>
      <c r="J14" s="5"/>
      <c r="K14" s="5"/>
      <c r="L14" s="5"/>
      <c r="M14" s="5"/>
      <c r="N14" s="5"/>
      <c r="O14" s="5"/>
      <c r="P14" s="5"/>
      <c r="Q14" s="5"/>
      <c r="R14" s="5"/>
      <c r="S14" s="5"/>
      <c r="T14" s="5"/>
      <c r="U14" s="5"/>
      <c r="V14" s="5"/>
      <c r="W14" s="5"/>
      <c r="X14" s="5"/>
      <c r="Y14" s="5"/>
      <c r="Z14" s="5"/>
      <c r="AA14" s="5"/>
      <c r="AB14" s="5"/>
      <c r="AC14" s="5"/>
      <c r="AD14" s="5"/>
      <c r="AE14" s="5"/>
      <c r="AF14" s="5"/>
      <c r="AG14" s="5"/>
      <c r="AH14" s="5"/>
      <c r="AI14" s="5"/>
      <c r="AJ14" s="5"/>
      <c r="AK14" s="5"/>
      <c r="AL14" s="5"/>
      <c r="AM14" s="5"/>
      <c r="AN14" s="5"/>
      <c r="AO14" s="5"/>
      <c r="AP14" s="5"/>
      <c r="AQ14" s="6"/>
      <c r="AR14" s="6"/>
      <c r="AS14" s="6"/>
      <c r="AT14" s="6"/>
      <c r="AU14" s="6"/>
      <c r="AV14" s="6"/>
      <c r="AW14" s="6"/>
      <c r="AX14" s="6"/>
      <c r="AY14" s="6"/>
      <c r="AZ14" s="6"/>
      <c r="BA14" s="6"/>
      <c r="BB14" s="6"/>
      <c r="BC14" s="6"/>
      <c r="BD14" s="35"/>
      <c r="BE14" s="36"/>
      <c r="BF14" s="37"/>
      <c r="BG14" s="35"/>
      <c r="BI14" s="35"/>
      <c r="BJ14" s="35"/>
      <c r="BK14" s="38"/>
      <c r="BL14" s="38"/>
    </row>
    <row r="15" spans="2:64" x14ac:dyDescent="0.15">
      <c r="B15" s="34"/>
      <c r="C15" s="4" t="s">
        <v>67</v>
      </c>
      <c r="D15" s="5"/>
      <c r="E15" s="5"/>
      <c r="F15" s="5"/>
      <c r="G15" s="5"/>
      <c r="H15" s="5"/>
      <c r="I15" s="5"/>
      <c r="J15" s="5"/>
      <c r="K15" s="5"/>
      <c r="L15" s="5"/>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c r="AN15" s="5"/>
      <c r="AO15" s="5"/>
      <c r="AP15" s="5"/>
      <c r="AQ15" s="6"/>
      <c r="AR15" s="6"/>
      <c r="AS15" s="6"/>
      <c r="AT15" s="6"/>
      <c r="AU15" s="6"/>
      <c r="AV15" s="6"/>
      <c r="AW15" s="6"/>
      <c r="AX15" s="6"/>
      <c r="AY15" s="6"/>
      <c r="AZ15" s="6"/>
      <c r="BA15" s="6"/>
      <c r="BB15" s="6"/>
      <c r="BC15" s="6"/>
      <c r="BD15" s="35"/>
      <c r="BE15" s="36"/>
      <c r="BF15" s="37"/>
      <c r="BG15" s="35"/>
      <c r="BI15" s="35"/>
      <c r="BJ15" s="35"/>
      <c r="BK15" s="38"/>
      <c r="BL15" s="38"/>
    </row>
    <row r="16" spans="2:64" ht="10.5" customHeight="1" x14ac:dyDescent="0.15">
      <c r="B16" s="34"/>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6"/>
      <c r="AR16" s="6"/>
      <c r="AS16" s="6"/>
      <c r="AT16" s="6"/>
      <c r="AU16" s="6"/>
      <c r="AV16" s="6"/>
      <c r="AW16" s="6"/>
      <c r="AX16" s="6"/>
      <c r="AY16" s="6"/>
      <c r="AZ16" s="84" t="s">
        <v>10</v>
      </c>
      <c r="BA16" s="84"/>
      <c r="BB16" s="84"/>
      <c r="BC16" s="84"/>
      <c r="BD16" s="12"/>
      <c r="BE16" s="36"/>
      <c r="BF16" s="37"/>
      <c r="BG16" s="35"/>
      <c r="BH16" s="35"/>
    </row>
    <row r="17" spans="2:64" ht="24.75" customHeight="1" x14ac:dyDescent="0.15">
      <c r="B17" s="34"/>
      <c r="C17" s="82" t="s">
        <v>68</v>
      </c>
      <c r="D17" s="83"/>
      <c r="E17" s="83"/>
      <c r="F17" s="83"/>
      <c r="G17" s="85"/>
      <c r="H17" s="82" t="s">
        <v>21</v>
      </c>
      <c r="I17" s="83"/>
      <c r="J17" s="83"/>
      <c r="K17" s="83"/>
      <c r="L17" s="83"/>
      <c r="M17" s="85"/>
      <c r="N17" s="82" t="s">
        <v>11</v>
      </c>
      <c r="O17" s="83"/>
      <c r="P17" s="83"/>
      <c r="Q17" s="85"/>
      <c r="R17" s="82" t="s">
        <v>22</v>
      </c>
      <c r="S17" s="83"/>
      <c r="T17" s="85"/>
      <c r="U17" s="82" t="s">
        <v>69</v>
      </c>
      <c r="V17" s="83"/>
      <c r="W17" s="85"/>
      <c r="X17" s="86" t="s">
        <v>8</v>
      </c>
      <c r="Y17" s="87"/>
      <c r="Z17" s="87"/>
      <c r="AA17" s="87"/>
      <c r="AB17" s="87"/>
      <c r="AC17" s="87"/>
      <c r="AD17" s="87"/>
      <c r="AE17" s="87"/>
      <c r="AF17" s="87"/>
      <c r="AG17" s="87"/>
      <c r="AH17" s="87"/>
      <c r="AI17" s="88"/>
      <c r="AJ17" s="82" t="s">
        <v>70</v>
      </c>
      <c r="AK17" s="83"/>
      <c r="AL17" s="83"/>
      <c r="AM17" s="85"/>
      <c r="AN17" s="82" t="s">
        <v>71</v>
      </c>
      <c r="AO17" s="83"/>
      <c r="AP17" s="83"/>
      <c r="AQ17" s="85"/>
      <c r="AR17" s="82" t="s">
        <v>72</v>
      </c>
      <c r="AS17" s="83"/>
      <c r="AT17" s="83"/>
      <c r="AU17" s="85"/>
      <c r="AV17" s="73" t="s">
        <v>73</v>
      </c>
      <c r="AW17" s="74"/>
      <c r="AX17" s="74"/>
      <c r="AY17" s="75"/>
      <c r="AZ17" s="73" t="s">
        <v>9</v>
      </c>
      <c r="BA17" s="74"/>
      <c r="BB17" s="74"/>
      <c r="BC17" s="75"/>
      <c r="BD17" s="12"/>
      <c r="BE17" s="39"/>
      <c r="BF17" s="40"/>
    </row>
    <row r="18" spans="2:64" ht="24.75" customHeight="1" x14ac:dyDescent="0.15">
      <c r="B18" s="34"/>
      <c r="C18" s="79"/>
      <c r="D18" s="80"/>
      <c r="E18" s="80"/>
      <c r="F18" s="80"/>
      <c r="G18" s="81"/>
      <c r="H18" s="79"/>
      <c r="I18" s="80"/>
      <c r="J18" s="80"/>
      <c r="K18" s="80"/>
      <c r="L18" s="80"/>
      <c r="M18" s="81"/>
      <c r="N18" s="79"/>
      <c r="O18" s="80"/>
      <c r="P18" s="80"/>
      <c r="Q18" s="81"/>
      <c r="R18" s="79"/>
      <c r="S18" s="80"/>
      <c r="T18" s="81"/>
      <c r="U18" s="79"/>
      <c r="V18" s="80"/>
      <c r="W18" s="81"/>
      <c r="X18" s="79" t="s">
        <v>74</v>
      </c>
      <c r="Y18" s="80"/>
      <c r="Z18" s="81"/>
      <c r="AA18" s="82" t="s">
        <v>75</v>
      </c>
      <c r="AB18" s="83"/>
      <c r="AC18" s="83"/>
      <c r="AD18" s="82" t="s">
        <v>76</v>
      </c>
      <c r="AE18" s="83"/>
      <c r="AF18" s="83"/>
      <c r="AG18" s="82" t="s">
        <v>77</v>
      </c>
      <c r="AH18" s="83"/>
      <c r="AI18" s="83"/>
      <c r="AJ18" s="79"/>
      <c r="AK18" s="80"/>
      <c r="AL18" s="80"/>
      <c r="AM18" s="81"/>
      <c r="AN18" s="79"/>
      <c r="AO18" s="80"/>
      <c r="AP18" s="80"/>
      <c r="AQ18" s="81"/>
      <c r="AR18" s="79"/>
      <c r="AS18" s="80"/>
      <c r="AT18" s="80"/>
      <c r="AU18" s="81"/>
      <c r="AV18" s="76"/>
      <c r="AW18" s="77"/>
      <c r="AX18" s="77"/>
      <c r="AY18" s="78"/>
      <c r="AZ18" s="76"/>
      <c r="BA18" s="77"/>
      <c r="BB18" s="77"/>
      <c r="BC18" s="78"/>
      <c r="BD18" s="12"/>
      <c r="BE18" s="39"/>
      <c r="BF18" s="40"/>
    </row>
    <row r="19" spans="2:64" ht="24.75" customHeight="1" x14ac:dyDescent="0.15">
      <c r="B19" s="34"/>
      <c r="C19" s="79"/>
      <c r="D19" s="80"/>
      <c r="E19" s="80"/>
      <c r="F19" s="80"/>
      <c r="G19" s="81"/>
      <c r="H19" s="79"/>
      <c r="I19" s="80"/>
      <c r="J19" s="80"/>
      <c r="K19" s="80"/>
      <c r="L19" s="80"/>
      <c r="M19" s="81"/>
      <c r="N19" s="79"/>
      <c r="O19" s="80"/>
      <c r="P19" s="80"/>
      <c r="Q19" s="81"/>
      <c r="R19" s="79"/>
      <c r="S19" s="80"/>
      <c r="T19" s="81"/>
      <c r="U19" s="79"/>
      <c r="V19" s="80"/>
      <c r="W19" s="81"/>
      <c r="X19" s="79"/>
      <c r="Y19" s="80"/>
      <c r="Z19" s="81"/>
      <c r="AA19" s="79"/>
      <c r="AB19" s="80"/>
      <c r="AC19" s="80"/>
      <c r="AD19" s="79"/>
      <c r="AE19" s="80"/>
      <c r="AF19" s="80"/>
      <c r="AG19" s="79"/>
      <c r="AH19" s="80"/>
      <c r="AI19" s="80"/>
      <c r="AJ19" s="79"/>
      <c r="AK19" s="80"/>
      <c r="AL19" s="80"/>
      <c r="AM19" s="81"/>
      <c r="AN19" s="79"/>
      <c r="AO19" s="80"/>
      <c r="AP19" s="80"/>
      <c r="AQ19" s="81"/>
      <c r="AR19" s="79"/>
      <c r="AS19" s="80"/>
      <c r="AT19" s="80"/>
      <c r="AU19" s="81"/>
      <c r="AV19" s="76"/>
      <c r="AW19" s="77"/>
      <c r="AX19" s="77"/>
      <c r="AY19" s="78"/>
      <c r="AZ19" s="76"/>
      <c r="BA19" s="77"/>
      <c r="BB19" s="77"/>
      <c r="BC19" s="78"/>
      <c r="BD19" s="12"/>
      <c r="BE19" s="39"/>
      <c r="BF19" s="40"/>
    </row>
    <row r="20" spans="2:64" ht="17.25" customHeight="1" x14ac:dyDescent="0.15">
      <c r="B20" s="34"/>
      <c r="C20" s="79"/>
      <c r="D20" s="80"/>
      <c r="E20" s="80"/>
      <c r="F20" s="80"/>
      <c r="G20" s="81"/>
      <c r="H20" s="79"/>
      <c r="I20" s="80"/>
      <c r="J20" s="80"/>
      <c r="K20" s="80"/>
      <c r="L20" s="80"/>
      <c r="M20" s="81"/>
      <c r="N20" s="79"/>
      <c r="O20" s="80"/>
      <c r="P20" s="80"/>
      <c r="Q20" s="81"/>
      <c r="R20" s="79"/>
      <c r="S20" s="80"/>
      <c r="T20" s="81"/>
      <c r="U20" s="79"/>
      <c r="V20" s="80"/>
      <c r="W20" s="81"/>
      <c r="X20" s="79"/>
      <c r="Y20" s="80"/>
      <c r="Z20" s="81"/>
      <c r="AA20" s="79"/>
      <c r="AB20" s="80"/>
      <c r="AC20" s="80"/>
      <c r="AD20" s="79"/>
      <c r="AE20" s="80"/>
      <c r="AF20" s="80"/>
      <c r="AG20" s="79"/>
      <c r="AH20" s="80"/>
      <c r="AI20" s="80"/>
      <c r="AJ20" s="79"/>
      <c r="AK20" s="80"/>
      <c r="AL20" s="80"/>
      <c r="AM20" s="81"/>
      <c r="AN20" s="79"/>
      <c r="AO20" s="80"/>
      <c r="AP20" s="80"/>
      <c r="AQ20" s="81"/>
      <c r="AR20" s="79"/>
      <c r="AS20" s="80"/>
      <c r="AT20" s="80"/>
      <c r="AU20" s="81"/>
      <c r="AV20" s="76"/>
      <c r="AW20" s="77"/>
      <c r="AX20" s="77"/>
      <c r="AY20" s="78"/>
      <c r="AZ20" s="76"/>
      <c r="BA20" s="77"/>
      <c r="BB20" s="77"/>
      <c r="BC20" s="78"/>
      <c r="BD20" s="12"/>
      <c r="BE20" s="39"/>
      <c r="BF20" s="40"/>
    </row>
    <row r="21" spans="2:64" ht="24.75" customHeight="1" x14ac:dyDescent="0.15">
      <c r="B21" s="34"/>
      <c r="C21" s="41"/>
      <c r="D21" s="42"/>
      <c r="E21" s="42"/>
      <c r="F21" s="42"/>
      <c r="G21" s="43"/>
      <c r="H21" s="41"/>
      <c r="I21" s="42"/>
      <c r="J21" s="42"/>
      <c r="K21" s="42"/>
      <c r="L21" s="42"/>
      <c r="M21" s="43"/>
      <c r="N21" s="41"/>
      <c r="O21" s="42"/>
      <c r="P21" s="42"/>
      <c r="Q21" s="43"/>
      <c r="R21" s="41"/>
      <c r="S21" s="42"/>
      <c r="T21" s="43"/>
      <c r="U21" s="119" t="s">
        <v>78</v>
      </c>
      <c r="V21" s="120"/>
      <c r="W21" s="121"/>
      <c r="X21" s="92" t="s">
        <v>79</v>
      </c>
      <c r="Y21" s="93"/>
      <c r="Z21" s="94"/>
      <c r="AA21" s="92" t="s">
        <v>80</v>
      </c>
      <c r="AB21" s="93"/>
      <c r="AC21" s="94"/>
      <c r="AD21" s="92" t="s">
        <v>81</v>
      </c>
      <c r="AE21" s="93"/>
      <c r="AF21" s="94"/>
      <c r="AG21" s="92" t="s">
        <v>82</v>
      </c>
      <c r="AH21" s="93"/>
      <c r="AI21" s="94"/>
      <c r="AJ21" s="89"/>
      <c r="AK21" s="90"/>
      <c r="AL21" s="90"/>
      <c r="AM21" s="91"/>
      <c r="AN21" s="89" t="s">
        <v>86</v>
      </c>
      <c r="AO21" s="90"/>
      <c r="AP21" s="90"/>
      <c r="AQ21" s="91"/>
      <c r="AR21" s="92" t="s">
        <v>83</v>
      </c>
      <c r="AS21" s="93"/>
      <c r="AT21" s="93"/>
      <c r="AU21" s="94"/>
      <c r="AV21" s="95" t="s">
        <v>84</v>
      </c>
      <c r="AW21" s="96"/>
      <c r="AX21" s="96"/>
      <c r="AY21" s="97"/>
      <c r="AZ21" s="15"/>
      <c r="BA21" s="16"/>
      <c r="BB21" s="16"/>
      <c r="BC21" s="17"/>
      <c r="BD21" s="12"/>
      <c r="BE21" s="39"/>
      <c r="BF21" s="40"/>
    </row>
    <row r="22" spans="2:64" ht="21" customHeight="1" x14ac:dyDescent="0.15">
      <c r="B22" s="34"/>
      <c r="C22" s="98"/>
      <c r="D22" s="99"/>
      <c r="E22" s="99"/>
      <c r="F22" s="99"/>
      <c r="G22" s="100"/>
      <c r="H22" s="104"/>
      <c r="I22" s="105"/>
      <c r="J22" s="105"/>
      <c r="K22" s="105"/>
      <c r="L22" s="105"/>
      <c r="M22" s="106"/>
      <c r="N22" s="98"/>
      <c r="O22" s="99"/>
      <c r="P22" s="99"/>
      <c r="Q22" s="100"/>
      <c r="R22" s="98"/>
      <c r="S22" s="99"/>
      <c r="T22" s="100"/>
      <c r="U22" s="107"/>
      <c r="V22" s="108"/>
      <c r="W22" s="109"/>
      <c r="X22" s="113"/>
      <c r="Y22" s="114"/>
      <c r="Z22" s="115"/>
      <c r="AA22" s="98"/>
      <c r="AB22" s="99"/>
      <c r="AC22" s="100"/>
      <c r="AD22" s="98"/>
      <c r="AE22" s="99"/>
      <c r="AF22" s="100"/>
      <c r="AG22" s="98"/>
      <c r="AH22" s="99"/>
      <c r="AI22" s="99"/>
      <c r="AJ22" s="107"/>
      <c r="AK22" s="108"/>
      <c r="AL22" s="108"/>
      <c r="AM22" s="108"/>
      <c r="AN22" s="107"/>
      <c r="AO22" s="108"/>
      <c r="AP22" s="108"/>
      <c r="AQ22" s="108"/>
      <c r="AR22" s="107"/>
      <c r="AS22" s="108"/>
      <c r="AT22" s="108"/>
      <c r="AU22" s="109"/>
      <c r="AV22" s="107"/>
      <c r="AW22" s="108"/>
      <c r="AX22" s="108"/>
      <c r="AY22" s="109"/>
      <c r="AZ22" s="107"/>
      <c r="BA22" s="108"/>
      <c r="BB22" s="108"/>
      <c r="BC22" s="109"/>
      <c r="BD22" s="12"/>
      <c r="BE22" s="39"/>
      <c r="BF22" s="40"/>
    </row>
    <row r="23" spans="2:64" ht="21" customHeight="1" x14ac:dyDescent="0.15">
      <c r="B23" s="34"/>
      <c r="C23" s="101"/>
      <c r="D23" s="102"/>
      <c r="E23" s="102"/>
      <c r="F23" s="102"/>
      <c r="G23" s="103"/>
      <c r="H23" s="101"/>
      <c r="I23" s="102"/>
      <c r="J23" s="102"/>
      <c r="K23" s="102"/>
      <c r="L23" s="102"/>
      <c r="M23" s="103"/>
      <c r="N23" s="101"/>
      <c r="O23" s="102"/>
      <c r="P23" s="102"/>
      <c r="Q23" s="103"/>
      <c r="R23" s="101"/>
      <c r="S23" s="102"/>
      <c r="T23" s="103"/>
      <c r="U23" s="110"/>
      <c r="V23" s="111"/>
      <c r="W23" s="112"/>
      <c r="X23" s="116"/>
      <c r="Y23" s="117"/>
      <c r="Z23" s="118"/>
      <c r="AA23" s="101"/>
      <c r="AB23" s="102"/>
      <c r="AC23" s="103"/>
      <c r="AD23" s="101"/>
      <c r="AE23" s="102"/>
      <c r="AF23" s="103"/>
      <c r="AG23" s="101"/>
      <c r="AH23" s="102"/>
      <c r="AI23" s="102"/>
      <c r="AJ23" s="110"/>
      <c r="AK23" s="111"/>
      <c r="AL23" s="111"/>
      <c r="AM23" s="111"/>
      <c r="AN23" s="110"/>
      <c r="AO23" s="111"/>
      <c r="AP23" s="111"/>
      <c r="AQ23" s="111"/>
      <c r="AR23" s="110"/>
      <c r="AS23" s="111"/>
      <c r="AT23" s="111"/>
      <c r="AU23" s="112"/>
      <c r="AV23" s="110"/>
      <c r="AW23" s="111"/>
      <c r="AX23" s="111"/>
      <c r="AY23" s="112"/>
      <c r="AZ23" s="110"/>
      <c r="BA23" s="111"/>
      <c r="BB23" s="111"/>
      <c r="BC23" s="112"/>
      <c r="BD23" s="12"/>
      <c r="BE23" s="39"/>
      <c r="BF23" s="40"/>
    </row>
    <row r="24" spans="2:64" ht="21" customHeight="1" x14ac:dyDescent="0.15">
      <c r="B24" s="34"/>
      <c r="C24" s="98"/>
      <c r="D24" s="99"/>
      <c r="E24" s="99"/>
      <c r="F24" s="99"/>
      <c r="G24" s="100"/>
      <c r="H24" s="104"/>
      <c r="I24" s="105"/>
      <c r="J24" s="105"/>
      <c r="K24" s="105"/>
      <c r="L24" s="105"/>
      <c r="M24" s="106"/>
      <c r="N24" s="98"/>
      <c r="O24" s="99"/>
      <c r="P24" s="99"/>
      <c r="Q24" s="100"/>
      <c r="R24" s="98"/>
      <c r="S24" s="99"/>
      <c r="T24" s="100"/>
      <c r="U24" s="107"/>
      <c r="V24" s="108"/>
      <c r="W24" s="109"/>
      <c r="X24" s="107"/>
      <c r="Y24" s="108"/>
      <c r="Z24" s="109"/>
      <c r="AA24" s="98"/>
      <c r="AB24" s="99"/>
      <c r="AC24" s="100"/>
      <c r="AD24" s="98"/>
      <c r="AE24" s="99"/>
      <c r="AF24" s="100"/>
      <c r="AG24" s="98"/>
      <c r="AH24" s="99"/>
      <c r="AI24" s="99"/>
      <c r="AJ24" s="107"/>
      <c r="AK24" s="108"/>
      <c r="AL24" s="108"/>
      <c r="AM24" s="108"/>
      <c r="AN24" s="107"/>
      <c r="AO24" s="108"/>
      <c r="AP24" s="108"/>
      <c r="AQ24" s="108"/>
      <c r="AR24" s="107"/>
      <c r="AS24" s="108"/>
      <c r="AT24" s="108"/>
      <c r="AU24" s="109"/>
      <c r="AV24" s="107"/>
      <c r="AW24" s="108"/>
      <c r="AX24" s="108"/>
      <c r="AY24" s="109"/>
      <c r="AZ24" s="107"/>
      <c r="BA24" s="108"/>
      <c r="BB24" s="108"/>
      <c r="BC24" s="109"/>
      <c r="BD24" s="12"/>
      <c r="BE24" s="39"/>
      <c r="BF24" s="40"/>
    </row>
    <row r="25" spans="2:64" ht="21" customHeight="1" thickBot="1" x14ac:dyDescent="0.2">
      <c r="B25" s="34"/>
      <c r="C25" s="101"/>
      <c r="D25" s="102"/>
      <c r="E25" s="102"/>
      <c r="F25" s="102"/>
      <c r="G25" s="103"/>
      <c r="H25" s="101"/>
      <c r="I25" s="102"/>
      <c r="J25" s="102"/>
      <c r="K25" s="102"/>
      <c r="L25" s="102"/>
      <c r="M25" s="103"/>
      <c r="N25" s="101"/>
      <c r="O25" s="102"/>
      <c r="P25" s="102"/>
      <c r="Q25" s="103"/>
      <c r="R25" s="101"/>
      <c r="S25" s="102"/>
      <c r="T25" s="103"/>
      <c r="U25" s="110"/>
      <c r="V25" s="111"/>
      <c r="W25" s="112"/>
      <c r="X25" s="122"/>
      <c r="Y25" s="123"/>
      <c r="Z25" s="124"/>
      <c r="AA25" s="101"/>
      <c r="AB25" s="102"/>
      <c r="AC25" s="103"/>
      <c r="AD25" s="101"/>
      <c r="AE25" s="102"/>
      <c r="AF25" s="103"/>
      <c r="AG25" s="101"/>
      <c r="AH25" s="102"/>
      <c r="AI25" s="102"/>
      <c r="AJ25" s="110"/>
      <c r="AK25" s="111"/>
      <c r="AL25" s="111"/>
      <c r="AM25" s="111"/>
      <c r="AN25" s="110"/>
      <c r="AO25" s="111"/>
      <c r="AP25" s="111"/>
      <c r="AQ25" s="111"/>
      <c r="AR25" s="110"/>
      <c r="AS25" s="111"/>
      <c r="AT25" s="111"/>
      <c r="AU25" s="112"/>
      <c r="AV25" s="110"/>
      <c r="AW25" s="111"/>
      <c r="AX25" s="111"/>
      <c r="AY25" s="112"/>
      <c r="AZ25" s="110"/>
      <c r="BA25" s="111"/>
      <c r="BB25" s="111"/>
      <c r="BC25" s="112"/>
      <c r="BD25" s="12"/>
      <c r="BE25" s="39"/>
      <c r="BF25" s="40"/>
    </row>
    <row r="26" spans="2:64" ht="24.75" customHeight="1" thickTop="1" x14ac:dyDescent="0.15">
      <c r="B26" s="34"/>
      <c r="C26" s="125"/>
      <c r="D26" s="126"/>
      <c r="E26" s="126"/>
      <c r="F26" s="126"/>
      <c r="G26" s="127"/>
      <c r="H26" s="128"/>
      <c r="I26" s="128"/>
      <c r="J26" s="128"/>
      <c r="K26" s="128"/>
      <c r="L26" s="128"/>
      <c r="M26" s="128"/>
      <c r="N26" s="129"/>
      <c r="O26" s="130"/>
      <c r="P26" s="130"/>
      <c r="Q26" s="131"/>
      <c r="R26" s="128"/>
      <c r="S26" s="128"/>
      <c r="T26" s="128"/>
      <c r="U26" s="128"/>
      <c r="V26" s="128"/>
      <c r="W26" s="128"/>
      <c r="X26" s="129"/>
      <c r="Y26" s="130"/>
      <c r="Z26" s="131"/>
      <c r="AA26" s="129"/>
      <c r="AB26" s="130"/>
      <c r="AC26" s="131"/>
      <c r="AD26" s="66"/>
      <c r="AE26" s="66"/>
      <c r="AF26" s="66"/>
      <c r="AG26" s="129"/>
      <c r="AH26" s="130"/>
      <c r="AI26" s="130"/>
      <c r="AJ26" s="128"/>
      <c r="AK26" s="128"/>
      <c r="AL26" s="128"/>
      <c r="AM26" s="128"/>
      <c r="AN26" s="128"/>
      <c r="AO26" s="128"/>
      <c r="AP26" s="128"/>
      <c r="AQ26" s="128"/>
      <c r="AR26" s="128"/>
      <c r="AS26" s="128"/>
      <c r="AT26" s="128"/>
      <c r="AU26" s="128"/>
      <c r="AV26" s="129"/>
      <c r="AW26" s="130"/>
      <c r="AX26" s="130"/>
      <c r="AY26" s="131"/>
      <c r="AZ26" s="129"/>
      <c r="BA26" s="130"/>
      <c r="BB26" s="130"/>
      <c r="BC26" s="131"/>
      <c r="BD26" s="12"/>
      <c r="BE26" s="39"/>
      <c r="BF26" s="40"/>
    </row>
    <row r="27" spans="2:64" ht="10.5" customHeight="1" x14ac:dyDescent="0.15">
      <c r="B27" s="34"/>
      <c r="C27" s="4"/>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6"/>
      <c r="AR27" s="6"/>
      <c r="AS27" s="6"/>
      <c r="AT27" s="6"/>
      <c r="AU27" s="6"/>
      <c r="AV27" s="6"/>
      <c r="AW27" s="6"/>
      <c r="AX27" s="6"/>
      <c r="AY27" s="6"/>
      <c r="AZ27" s="6"/>
      <c r="BA27" s="6"/>
      <c r="BB27" s="6"/>
      <c r="BC27" s="6"/>
      <c r="BD27" s="35"/>
      <c r="BE27" s="36"/>
      <c r="BF27" s="37"/>
      <c r="BG27" s="35"/>
      <c r="BJ27" s="35"/>
      <c r="BK27" s="38"/>
      <c r="BL27" s="38"/>
    </row>
    <row r="28" spans="2:64" x14ac:dyDescent="0.15">
      <c r="B28" s="34"/>
      <c r="C28" s="4" t="s">
        <v>87</v>
      </c>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6"/>
      <c r="AR28" s="6"/>
      <c r="AS28" s="6"/>
      <c r="AT28" s="6"/>
      <c r="AU28" s="6"/>
      <c r="AV28" s="6"/>
      <c r="AW28" s="6"/>
      <c r="AX28" s="6"/>
      <c r="AY28" s="6"/>
      <c r="AZ28" s="6"/>
      <c r="BA28" s="6"/>
      <c r="BB28" s="6"/>
      <c r="BC28" s="6"/>
      <c r="BD28" s="35"/>
      <c r="BE28" s="36"/>
      <c r="BF28" s="37"/>
      <c r="BG28" s="35"/>
      <c r="BI28" s="35"/>
      <c r="BJ28" s="35"/>
      <c r="BK28" s="38"/>
      <c r="BL28" s="38"/>
    </row>
    <row r="29" spans="2:64" ht="10.5" customHeight="1" x14ac:dyDescent="0.15">
      <c r="B29" s="34"/>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6"/>
      <c r="AR29" s="6"/>
      <c r="AS29" s="6"/>
      <c r="AT29" s="6"/>
      <c r="AU29" s="6"/>
      <c r="AV29" s="6"/>
      <c r="AW29" s="6"/>
      <c r="AX29" s="6"/>
      <c r="AY29" s="6"/>
      <c r="AZ29" s="84" t="s">
        <v>10</v>
      </c>
      <c r="BA29" s="84"/>
      <c r="BB29" s="84"/>
      <c r="BC29" s="84"/>
      <c r="BD29" s="12"/>
      <c r="BE29" s="36"/>
      <c r="BF29" s="37"/>
      <c r="BG29" s="35"/>
      <c r="BH29" s="35"/>
    </row>
    <row r="30" spans="2:64" ht="24.75" customHeight="1" x14ac:dyDescent="0.15">
      <c r="B30" s="34"/>
      <c r="C30" s="132" t="s">
        <v>13</v>
      </c>
      <c r="D30" s="133"/>
      <c r="E30" s="134"/>
      <c r="F30" s="132" t="s">
        <v>14</v>
      </c>
      <c r="G30" s="133"/>
      <c r="H30" s="133"/>
      <c r="I30" s="134"/>
      <c r="J30" s="132" t="s">
        <v>15</v>
      </c>
      <c r="K30" s="133"/>
      <c r="L30" s="133"/>
      <c r="M30" s="134"/>
      <c r="N30" s="132" t="s">
        <v>11</v>
      </c>
      <c r="O30" s="133"/>
      <c r="P30" s="134"/>
      <c r="Q30" s="132" t="s">
        <v>16</v>
      </c>
      <c r="R30" s="133"/>
      <c r="S30" s="134"/>
      <c r="T30" s="132" t="s">
        <v>25</v>
      </c>
      <c r="U30" s="133"/>
      <c r="V30" s="133"/>
      <c r="W30" s="133"/>
      <c r="X30" s="133"/>
      <c r="Y30" s="134"/>
      <c r="Z30" s="132" t="s">
        <v>17</v>
      </c>
      <c r="AA30" s="133"/>
      <c r="AB30" s="133"/>
      <c r="AC30" s="133"/>
      <c r="AD30" s="133"/>
      <c r="AE30" s="133"/>
      <c r="AF30" s="134"/>
      <c r="AG30" s="132" t="s">
        <v>18</v>
      </c>
      <c r="AH30" s="133"/>
      <c r="AI30" s="133"/>
      <c r="AJ30" s="134"/>
      <c r="AK30" s="132" t="s">
        <v>19</v>
      </c>
      <c r="AL30" s="133"/>
      <c r="AM30" s="133"/>
      <c r="AN30" s="134"/>
      <c r="AO30" s="132" t="s">
        <v>24</v>
      </c>
      <c r="AP30" s="133"/>
      <c r="AQ30" s="134"/>
      <c r="AR30" s="132" t="s">
        <v>8</v>
      </c>
      <c r="AS30" s="133"/>
      <c r="AT30" s="134"/>
      <c r="AU30" s="141" t="s">
        <v>20</v>
      </c>
      <c r="AV30" s="142"/>
      <c r="AW30" s="142"/>
      <c r="AX30" s="143"/>
      <c r="AY30" s="141" t="s">
        <v>9</v>
      </c>
      <c r="AZ30" s="142"/>
      <c r="BA30" s="142"/>
      <c r="BB30" s="142"/>
      <c r="BC30" s="143"/>
      <c r="BD30" s="12"/>
      <c r="BE30" s="39"/>
      <c r="BF30" s="40"/>
    </row>
    <row r="31" spans="2:64" ht="24.75" customHeight="1" x14ac:dyDescent="0.15">
      <c r="B31" s="34"/>
      <c r="C31" s="135"/>
      <c r="D31" s="136"/>
      <c r="E31" s="137"/>
      <c r="F31" s="135"/>
      <c r="G31" s="136"/>
      <c r="H31" s="136"/>
      <c r="I31" s="137"/>
      <c r="J31" s="135"/>
      <c r="K31" s="136"/>
      <c r="L31" s="136"/>
      <c r="M31" s="137"/>
      <c r="N31" s="135"/>
      <c r="O31" s="136"/>
      <c r="P31" s="137"/>
      <c r="Q31" s="135"/>
      <c r="R31" s="136"/>
      <c r="S31" s="137"/>
      <c r="T31" s="135"/>
      <c r="U31" s="136"/>
      <c r="V31" s="136"/>
      <c r="W31" s="136"/>
      <c r="X31" s="136"/>
      <c r="Y31" s="137"/>
      <c r="Z31" s="135"/>
      <c r="AA31" s="136"/>
      <c r="AB31" s="136"/>
      <c r="AC31" s="136"/>
      <c r="AD31" s="136"/>
      <c r="AE31" s="136"/>
      <c r="AF31" s="137"/>
      <c r="AG31" s="135"/>
      <c r="AH31" s="136"/>
      <c r="AI31" s="136"/>
      <c r="AJ31" s="137"/>
      <c r="AK31" s="135"/>
      <c r="AL31" s="136"/>
      <c r="AM31" s="136"/>
      <c r="AN31" s="137"/>
      <c r="AO31" s="135"/>
      <c r="AP31" s="136"/>
      <c r="AQ31" s="137"/>
      <c r="AR31" s="135"/>
      <c r="AS31" s="136"/>
      <c r="AT31" s="137"/>
      <c r="AU31" s="144"/>
      <c r="AV31" s="145"/>
      <c r="AW31" s="145"/>
      <c r="AX31" s="146"/>
      <c r="AY31" s="144"/>
      <c r="AZ31" s="145"/>
      <c r="BA31" s="145"/>
      <c r="BB31" s="145"/>
      <c r="BC31" s="146"/>
      <c r="BD31" s="12"/>
      <c r="BE31" s="39"/>
      <c r="BF31" s="40"/>
    </row>
    <row r="32" spans="2:64" ht="24.75" customHeight="1" x14ac:dyDescent="0.15">
      <c r="B32" s="34"/>
      <c r="C32" s="135"/>
      <c r="D32" s="136"/>
      <c r="E32" s="137"/>
      <c r="F32" s="135"/>
      <c r="G32" s="136"/>
      <c r="H32" s="136"/>
      <c r="I32" s="137"/>
      <c r="J32" s="135"/>
      <c r="K32" s="136"/>
      <c r="L32" s="136"/>
      <c r="M32" s="137"/>
      <c r="N32" s="135"/>
      <c r="O32" s="136"/>
      <c r="P32" s="137"/>
      <c r="Q32" s="135"/>
      <c r="R32" s="136"/>
      <c r="S32" s="137"/>
      <c r="T32" s="135"/>
      <c r="U32" s="136"/>
      <c r="V32" s="136"/>
      <c r="W32" s="136"/>
      <c r="X32" s="136"/>
      <c r="Y32" s="137"/>
      <c r="Z32" s="135"/>
      <c r="AA32" s="136"/>
      <c r="AB32" s="136"/>
      <c r="AC32" s="136"/>
      <c r="AD32" s="136"/>
      <c r="AE32" s="136"/>
      <c r="AF32" s="137"/>
      <c r="AG32" s="135"/>
      <c r="AH32" s="136"/>
      <c r="AI32" s="136"/>
      <c r="AJ32" s="137"/>
      <c r="AK32" s="135"/>
      <c r="AL32" s="136"/>
      <c r="AM32" s="136"/>
      <c r="AN32" s="137"/>
      <c r="AO32" s="135"/>
      <c r="AP32" s="136"/>
      <c r="AQ32" s="137"/>
      <c r="AR32" s="135"/>
      <c r="AS32" s="136"/>
      <c r="AT32" s="137"/>
      <c r="AU32" s="144"/>
      <c r="AV32" s="145"/>
      <c r="AW32" s="145"/>
      <c r="AX32" s="146"/>
      <c r="AY32" s="144"/>
      <c r="AZ32" s="145"/>
      <c r="BA32" s="145"/>
      <c r="BB32" s="145"/>
      <c r="BC32" s="146"/>
      <c r="BD32" s="12"/>
      <c r="BE32" s="39"/>
      <c r="BF32" s="40"/>
    </row>
    <row r="33" spans="2:64" ht="17.25" customHeight="1" x14ac:dyDescent="0.15">
      <c r="B33" s="34"/>
      <c r="C33" s="135"/>
      <c r="D33" s="136"/>
      <c r="E33" s="137"/>
      <c r="F33" s="135"/>
      <c r="G33" s="136"/>
      <c r="H33" s="136"/>
      <c r="I33" s="137"/>
      <c r="J33" s="135"/>
      <c r="K33" s="136"/>
      <c r="L33" s="136"/>
      <c r="M33" s="137"/>
      <c r="N33" s="135"/>
      <c r="O33" s="136"/>
      <c r="P33" s="137"/>
      <c r="Q33" s="135"/>
      <c r="R33" s="136"/>
      <c r="S33" s="137"/>
      <c r="T33" s="135"/>
      <c r="U33" s="136"/>
      <c r="V33" s="136"/>
      <c r="W33" s="136"/>
      <c r="X33" s="136"/>
      <c r="Y33" s="137"/>
      <c r="Z33" s="135"/>
      <c r="AA33" s="136"/>
      <c r="AB33" s="136"/>
      <c r="AC33" s="136"/>
      <c r="AD33" s="136"/>
      <c r="AE33" s="136"/>
      <c r="AF33" s="137"/>
      <c r="AG33" s="135"/>
      <c r="AH33" s="136"/>
      <c r="AI33" s="136"/>
      <c r="AJ33" s="137"/>
      <c r="AK33" s="135"/>
      <c r="AL33" s="136"/>
      <c r="AM33" s="136"/>
      <c r="AN33" s="137"/>
      <c r="AO33" s="135"/>
      <c r="AP33" s="136"/>
      <c r="AQ33" s="137"/>
      <c r="AR33" s="135"/>
      <c r="AS33" s="136"/>
      <c r="AT33" s="137"/>
      <c r="AU33" s="135" t="s">
        <v>58</v>
      </c>
      <c r="AV33" s="136"/>
      <c r="AW33" s="136"/>
      <c r="AX33" s="137"/>
      <c r="AY33" s="144"/>
      <c r="AZ33" s="145"/>
      <c r="BA33" s="145"/>
      <c r="BB33" s="145"/>
      <c r="BC33" s="146"/>
      <c r="BD33" s="12"/>
      <c r="BE33" s="39"/>
      <c r="BF33" s="40"/>
    </row>
    <row r="34" spans="2:64" ht="24.75" customHeight="1" x14ac:dyDescent="0.15">
      <c r="B34" s="34"/>
      <c r="C34" s="138"/>
      <c r="D34" s="139"/>
      <c r="E34" s="140"/>
      <c r="F34" s="138"/>
      <c r="G34" s="139"/>
      <c r="H34" s="139"/>
      <c r="I34" s="140"/>
      <c r="J34" s="138"/>
      <c r="K34" s="139"/>
      <c r="L34" s="139"/>
      <c r="M34" s="140"/>
      <c r="N34" s="138"/>
      <c r="O34" s="139"/>
      <c r="P34" s="140"/>
      <c r="Q34" s="138"/>
      <c r="R34" s="139"/>
      <c r="S34" s="140"/>
      <c r="T34" s="138"/>
      <c r="U34" s="139"/>
      <c r="V34" s="139"/>
      <c r="W34" s="139"/>
      <c r="X34" s="139"/>
      <c r="Y34" s="140"/>
      <c r="Z34" s="138"/>
      <c r="AA34" s="139"/>
      <c r="AB34" s="139"/>
      <c r="AC34" s="139"/>
      <c r="AD34" s="139"/>
      <c r="AE34" s="139"/>
      <c r="AF34" s="140"/>
      <c r="AG34" s="138"/>
      <c r="AH34" s="139"/>
      <c r="AI34" s="139"/>
      <c r="AJ34" s="140"/>
      <c r="AK34" s="138"/>
      <c r="AL34" s="139"/>
      <c r="AM34" s="139"/>
      <c r="AN34" s="140"/>
      <c r="AO34" s="138" t="s">
        <v>60</v>
      </c>
      <c r="AP34" s="139"/>
      <c r="AQ34" s="140"/>
      <c r="AR34" s="138" t="s">
        <v>61</v>
      </c>
      <c r="AS34" s="139"/>
      <c r="AT34" s="140"/>
      <c r="AU34" s="138"/>
      <c r="AV34" s="139"/>
      <c r="AW34" s="139"/>
      <c r="AX34" s="140"/>
      <c r="AY34" s="147"/>
      <c r="AZ34" s="148"/>
      <c r="BA34" s="148"/>
      <c r="BB34" s="148"/>
      <c r="BC34" s="149"/>
      <c r="BD34" s="12"/>
      <c r="BE34" s="39"/>
      <c r="BF34" s="40"/>
    </row>
    <row r="35" spans="2:64" ht="21" customHeight="1" x14ac:dyDescent="0.15">
      <c r="B35" s="34"/>
      <c r="C35" s="156"/>
      <c r="D35" s="157"/>
      <c r="E35" s="158"/>
      <c r="F35" s="156"/>
      <c r="G35" s="157"/>
      <c r="H35" s="157"/>
      <c r="I35" s="158"/>
      <c r="J35" s="156"/>
      <c r="K35" s="157"/>
      <c r="L35" s="157"/>
      <c r="M35" s="158"/>
      <c r="N35" s="165"/>
      <c r="O35" s="166"/>
      <c r="P35" s="167"/>
      <c r="Q35" s="165"/>
      <c r="R35" s="166"/>
      <c r="S35" s="167"/>
      <c r="T35" s="165"/>
      <c r="U35" s="166"/>
      <c r="V35" s="166"/>
      <c r="W35" s="166"/>
      <c r="X35" s="166"/>
      <c r="Y35" s="167"/>
      <c r="Z35" s="150"/>
      <c r="AA35" s="151"/>
      <c r="AB35" s="151"/>
      <c r="AC35" s="151"/>
      <c r="AD35" s="151"/>
      <c r="AE35" s="151"/>
      <c r="AF35" s="152"/>
      <c r="AG35" s="150"/>
      <c r="AH35" s="151"/>
      <c r="AI35" s="151"/>
      <c r="AJ35" s="152"/>
      <c r="AK35" s="150"/>
      <c r="AL35" s="151"/>
      <c r="AM35" s="151"/>
      <c r="AN35" s="152"/>
      <c r="AO35" s="150"/>
      <c r="AP35" s="151"/>
      <c r="AQ35" s="152"/>
      <c r="AR35" s="150"/>
      <c r="AS35" s="151"/>
      <c r="AT35" s="152"/>
      <c r="AU35" s="150"/>
      <c r="AV35" s="151"/>
      <c r="AW35" s="151"/>
      <c r="AX35" s="152"/>
      <c r="AY35" s="150"/>
      <c r="AZ35" s="151"/>
      <c r="BA35" s="151"/>
      <c r="BB35" s="151"/>
      <c r="BC35" s="152"/>
      <c r="BD35" s="12"/>
      <c r="BE35" s="39"/>
      <c r="BF35" s="40"/>
    </row>
    <row r="36" spans="2:64" ht="21" customHeight="1" x14ac:dyDescent="0.15">
      <c r="B36" s="34"/>
      <c r="C36" s="162"/>
      <c r="D36" s="163"/>
      <c r="E36" s="164"/>
      <c r="F36" s="162"/>
      <c r="G36" s="163"/>
      <c r="H36" s="163"/>
      <c r="I36" s="164"/>
      <c r="J36" s="162"/>
      <c r="K36" s="163"/>
      <c r="L36" s="163"/>
      <c r="M36" s="164"/>
      <c r="N36" s="168"/>
      <c r="O36" s="169"/>
      <c r="P36" s="170"/>
      <c r="Q36" s="168"/>
      <c r="R36" s="169"/>
      <c r="S36" s="170"/>
      <c r="T36" s="168"/>
      <c r="U36" s="169"/>
      <c r="V36" s="169"/>
      <c r="W36" s="169"/>
      <c r="X36" s="169"/>
      <c r="Y36" s="170"/>
      <c r="Z36" s="153"/>
      <c r="AA36" s="154"/>
      <c r="AB36" s="154"/>
      <c r="AC36" s="154"/>
      <c r="AD36" s="154"/>
      <c r="AE36" s="154"/>
      <c r="AF36" s="155"/>
      <c r="AG36" s="153"/>
      <c r="AH36" s="154"/>
      <c r="AI36" s="154"/>
      <c r="AJ36" s="155"/>
      <c r="AK36" s="153"/>
      <c r="AL36" s="154"/>
      <c r="AM36" s="154"/>
      <c r="AN36" s="155"/>
      <c r="AO36" s="153"/>
      <c r="AP36" s="154"/>
      <c r="AQ36" s="155"/>
      <c r="AR36" s="153"/>
      <c r="AS36" s="154"/>
      <c r="AT36" s="155"/>
      <c r="AU36" s="153"/>
      <c r="AV36" s="154"/>
      <c r="AW36" s="154"/>
      <c r="AX36" s="155"/>
      <c r="AY36" s="153"/>
      <c r="AZ36" s="154"/>
      <c r="BA36" s="154"/>
      <c r="BB36" s="154"/>
      <c r="BC36" s="155"/>
      <c r="BD36" s="12"/>
      <c r="BE36" s="39"/>
      <c r="BF36" s="40"/>
    </row>
    <row r="37" spans="2:64" ht="21" customHeight="1" x14ac:dyDescent="0.15">
      <c r="B37" s="34"/>
      <c r="C37" s="156"/>
      <c r="D37" s="157"/>
      <c r="E37" s="158"/>
      <c r="F37" s="156"/>
      <c r="G37" s="157"/>
      <c r="H37" s="157"/>
      <c r="I37" s="158"/>
      <c r="J37" s="156"/>
      <c r="K37" s="157"/>
      <c r="L37" s="157"/>
      <c r="M37" s="158"/>
      <c r="N37" s="165"/>
      <c r="O37" s="166"/>
      <c r="P37" s="167"/>
      <c r="Q37" s="165"/>
      <c r="R37" s="166"/>
      <c r="S37" s="167"/>
      <c r="T37" s="165"/>
      <c r="U37" s="166"/>
      <c r="V37" s="166"/>
      <c r="W37" s="166"/>
      <c r="X37" s="166"/>
      <c r="Y37" s="167"/>
      <c r="Z37" s="150"/>
      <c r="AA37" s="151"/>
      <c r="AB37" s="151"/>
      <c r="AC37" s="151"/>
      <c r="AD37" s="151"/>
      <c r="AE37" s="151"/>
      <c r="AF37" s="152"/>
      <c r="AG37" s="150"/>
      <c r="AH37" s="151"/>
      <c r="AI37" s="151"/>
      <c r="AJ37" s="152"/>
      <c r="AK37" s="150"/>
      <c r="AL37" s="151"/>
      <c r="AM37" s="151"/>
      <c r="AN37" s="152"/>
      <c r="AO37" s="150"/>
      <c r="AP37" s="151"/>
      <c r="AQ37" s="152"/>
      <c r="AR37" s="150"/>
      <c r="AS37" s="151"/>
      <c r="AT37" s="152"/>
      <c r="AU37" s="150"/>
      <c r="AV37" s="151"/>
      <c r="AW37" s="151"/>
      <c r="AX37" s="152"/>
      <c r="AY37" s="150"/>
      <c r="AZ37" s="151"/>
      <c r="BA37" s="151"/>
      <c r="BB37" s="151"/>
      <c r="BC37" s="152"/>
      <c r="BD37" s="12"/>
      <c r="BE37" s="39"/>
      <c r="BF37" s="40"/>
    </row>
    <row r="38" spans="2:64" ht="21" customHeight="1" thickBot="1" x14ac:dyDescent="0.2">
      <c r="B38" s="34"/>
      <c r="C38" s="159"/>
      <c r="D38" s="160"/>
      <c r="E38" s="161"/>
      <c r="F38" s="162"/>
      <c r="G38" s="163"/>
      <c r="H38" s="163"/>
      <c r="I38" s="164"/>
      <c r="J38" s="162"/>
      <c r="K38" s="163"/>
      <c r="L38" s="163"/>
      <c r="M38" s="164"/>
      <c r="N38" s="168"/>
      <c r="O38" s="169"/>
      <c r="P38" s="170"/>
      <c r="Q38" s="168"/>
      <c r="R38" s="169"/>
      <c r="S38" s="170"/>
      <c r="T38" s="171"/>
      <c r="U38" s="172"/>
      <c r="V38" s="172"/>
      <c r="W38" s="172"/>
      <c r="X38" s="172"/>
      <c r="Y38" s="173"/>
      <c r="Z38" s="153"/>
      <c r="AA38" s="154"/>
      <c r="AB38" s="154"/>
      <c r="AC38" s="154"/>
      <c r="AD38" s="154"/>
      <c r="AE38" s="154"/>
      <c r="AF38" s="155"/>
      <c r="AG38" s="153"/>
      <c r="AH38" s="154"/>
      <c r="AI38" s="154"/>
      <c r="AJ38" s="155"/>
      <c r="AK38" s="153"/>
      <c r="AL38" s="154"/>
      <c r="AM38" s="154"/>
      <c r="AN38" s="155"/>
      <c r="AO38" s="153"/>
      <c r="AP38" s="154"/>
      <c r="AQ38" s="155"/>
      <c r="AR38" s="153"/>
      <c r="AS38" s="154"/>
      <c r="AT38" s="155"/>
      <c r="AU38" s="153"/>
      <c r="AV38" s="154"/>
      <c r="AW38" s="154"/>
      <c r="AX38" s="155"/>
      <c r="AY38" s="153"/>
      <c r="AZ38" s="154"/>
      <c r="BA38" s="154"/>
      <c r="BB38" s="154"/>
      <c r="BC38" s="155"/>
      <c r="BD38" s="12"/>
      <c r="BE38" s="39"/>
      <c r="BF38" s="40"/>
    </row>
    <row r="39" spans="2:64" ht="24.75" customHeight="1" thickTop="1" x14ac:dyDescent="0.15">
      <c r="B39" s="34"/>
      <c r="C39" s="7"/>
      <c r="D39" s="8"/>
      <c r="E39" s="9"/>
      <c r="F39" s="7"/>
      <c r="G39" s="64"/>
      <c r="H39" s="64"/>
      <c r="I39" s="64"/>
      <c r="J39" s="63"/>
      <c r="K39" s="64"/>
      <c r="L39" s="64"/>
      <c r="M39" s="64"/>
      <c r="N39" s="63"/>
      <c r="O39" s="64"/>
      <c r="P39" s="65"/>
      <c r="Q39" s="63"/>
      <c r="R39" s="64"/>
      <c r="S39" s="65"/>
      <c r="T39" s="174"/>
      <c r="U39" s="175"/>
      <c r="V39" s="175"/>
      <c r="W39" s="175"/>
      <c r="X39" s="175"/>
      <c r="Y39" s="176"/>
      <c r="Z39" s="63"/>
      <c r="AA39" s="64"/>
      <c r="AB39" s="64"/>
      <c r="AC39" s="64"/>
      <c r="AD39" s="64"/>
      <c r="AE39" s="64"/>
      <c r="AF39" s="65"/>
      <c r="AG39" s="63"/>
      <c r="AH39" s="64"/>
      <c r="AI39" s="64"/>
      <c r="AJ39" s="65"/>
      <c r="AK39" s="177"/>
      <c r="AL39" s="178"/>
      <c r="AM39" s="178"/>
      <c r="AN39" s="179"/>
      <c r="AO39" s="177"/>
      <c r="AP39" s="178"/>
      <c r="AQ39" s="179"/>
      <c r="AR39" s="177"/>
      <c r="AS39" s="178"/>
      <c r="AT39" s="179"/>
      <c r="AU39" s="177"/>
      <c r="AV39" s="178"/>
      <c r="AW39" s="178"/>
      <c r="AX39" s="179"/>
      <c r="AY39" s="63"/>
      <c r="AZ39" s="64"/>
      <c r="BA39" s="64"/>
      <c r="BB39" s="64"/>
      <c r="BC39" s="65"/>
      <c r="BD39" s="12"/>
      <c r="BE39" s="39"/>
      <c r="BF39" s="40"/>
    </row>
    <row r="40" spans="2:64" ht="10.5" customHeight="1" x14ac:dyDescent="0.15">
      <c r="B40" s="34"/>
      <c r="C40" s="4"/>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6"/>
      <c r="AR40" s="6"/>
      <c r="AS40" s="6"/>
      <c r="AT40" s="6"/>
      <c r="AU40" s="6"/>
      <c r="AV40" s="6"/>
      <c r="AW40" s="6"/>
      <c r="AX40" s="6"/>
      <c r="AY40" s="6"/>
      <c r="AZ40" s="6"/>
      <c r="BA40" s="6"/>
      <c r="BB40" s="6"/>
      <c r="BC40" s="6"/>
      <c r="BD40" s="35"/>
      <c r="BE40" s="36"/>
      <c r="BF40" s="37"/>
      <c r="BG40" s="35"/>
      <c r="BJ40" s="35"/>
      <c r="BK40" s="38"/>
      <c r="BL40" s="38"/>
    </row>
    <row r="41" spans="2:64" x14ac:dyDescent="0.15">
      <c r="B41" s="34"/>
      <c r="C41" s="4" t="s">
        <v>88</v>
      </c>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6"/>
      <c r="AR41" s="6"/>
      <c r="AS41" s="6"/>
      <c r="AT41" s="6"/>
      <c r="AU41" s="6"/>
      <c r="AV41" s="6"/>
      <c r="AW41" s="6"/>
      <c r="AX41" s="6"/>
      <c r="AY41" s="6"/>
      <c r="BD41" s="12"/>
      <c r="BE41" s="36"/>
      <c r="BF41" s="37"/>
      <c r="BG41" s="35"/>
    </row>
    <row r="42" spans="2:64" ht="10.5" customHeight="1" x14ac:dyDescent="0.15">
      <c r="B42" s="34"/>
      <c r="C42" s="12"/>
      <c r="D42" s="14"/>
      <c r="E42" s="14"/>
      <c r="F42" s="14"/>
      <c r="G42" s="14"/>
      <c r="H42" s="14"/>
      <c r="I42" s="14"/>
      <c r="J42" s="14"/>
      <c r="K42" s="14"/>
      <c r="L42" s="14"/>
      <c r="M42" s="14"/>
      <c r="N42" s="14"/>
      <c r="O42" s="14"/>
      <c r="P42" s="14"/>
      <c r="Q42" s="14"/>
      <c r="R42" s="14"/>
      <c r="S42" s="14"/>
      <c r="T42" s="14"/>
      <c r="U42" s="14"/>
      <c r="V42" s="14"/>
      <c r="W42" s="14"/>
      <c r="X42" s="14"/>
      <c r="Y42" s="14"/>
      <c r="Z42" s="14"/>
      <c r="AA42" s="14"/>
      <c r="AB42" s="14"/>
      <c r="AC42" s="14"/>
      <c r="AD42" s="14"/>
      <c r="AE42" s="14"/>
      <c r="AF42" s="14"/>
      <c r="AG42" s="14"/>
      <c r="AH42" s="14"/>
      <c r="AI42" s="14"/>
      <c r="AJ42" s="14"/>
      <c r="AK42" s="14"/>
      <c r="AL42" s="14"/>
      <c r="AM42" s="14"/>
      <c r="AN42" s="14"/>
      <c r="AO42" s="14"/>
      <c r="AP42" s="14"/>
      <c r="AQ42" s="14"/>
      <c r="AR42" s="14"/>
      <c r="AS42" s="14"/>
      <c r="AT42" s="14"/>
      <c r="AU42" s="14"/>
      <c r="AV42" s="14"/>
      <c r="AW42" s="14"/>
      <c r="AX42" s="14"/>
      <c r="AY42" s="14"/>
      <c r="AZ42" s="185" t="s">
        <v>10</v>
      </c>
      <c r="BA42" s="185"/>
      <c r="BB42" s="185"/>
      <c r="BC42" s="185"/>
      <c r="BD42" s="6"/>
      <c r="BE42" s="44"/>
      <c r="BF42" s="40"/>
    </row>
    <row r="43" spans="2:64" ht="24.75" customHeight="1" x14ac:dyDescent="0.15">
      <c r="B43" s="34"/>
      <c r="C43" s="132" t="s">
        <v>13</v>
      </c>
      <c r="D43" s="133"/>
      <c r="E43" s="134"/>
      <c r="F43" s="132" t="s">
        <v>14</v>
      </c>
      <c r="G43" s="133"/>
      <c r="H43" s="133"/>
      <c r="I43" s="134"/>
      <c r="J43" s="132" t="s">
        <v>15</v>
      </c>
      <c r="K43" s="133"/>
      <c r="L43" s="133"/>
      <c r="M43" s="134"/>
      <c r="N43" s="132" t="s">
        <v>11</v>
      </c>
      <c r="O43" s="133"/>
      <c r="P43" s="134"/>
      <c r="Q43" s="132" t="s">
        <v>16</v>
      </c>
      <c r="R43" s="133"/>
      <c r="S43" s="134"/>
      <c r="T43" s="132" t="s">
        <v>25</v>
      </c>
      <c r="U43" s="133"/>
      <c r="V43" s="133"/>
      <c r="W43" s="133"/>
      <c r="X43" s="133"/>
      <c r="Y43" s="134"/>
      <c r="Z43" s="132" t="s">
        <v>17</v>
      </c>
      <c r="AA43" s="133"/>
      <c r="AB43" s="133"/>
      <c r="AC43" s="133"/>
      <c r="AD43" s="133"/>
      <c r="AE43" s="133"/>
      <c r="AF43" s="134"/>
      <c r="AG43" s="132" t="s">
        <v>18</v>
      </c>
      <c r="AH43" s="133"/>
      <c r="AI43" s="133"/>
      <c r="AJ43" s="134"/>
      <c r="AK43" s="180" t="s">
        <v>19</v>
      </c>
      <c r="AL43" s="180"/>
      <c r="AM43" s="180"/>
      <c r="AN43" s="180"/>
      <c r="AO43" s="180" t="s">
        <v>57</v>
      </c>
      <c r="AP43" s="180"/>
      <c r="AQ43" s="180"/>
      <c r="AR43" s="180" t="s">
        <v>8</v>
      </c>
      <c r="AS43" s="180"/>
      <c r="AT43" s="180"/>
      <c r="AU43" s="182" t="s">
        <v>20</v>
      </c>
      <c r="AV43" s="182"/>
      <c r="AW43" s="182"/>
      <c r="AX43" s="182"/>
      <c r="AY43" s="141" t="s">
        <v>9</v>
      </c>
      <c r="AZ43" s="142"/>
      <c r="BA43" s="142"/>
      <c r="BB43" s="142"/>
      <c r="BC43" s="143"/>
      <c r="BD43" s="12"/>
      <c r="BE43" s="39"/>
      <c r="BF43" s="40"/>
    </row>
    <row r="44" spans="2:64" ht="24.75" customHeight="1" x14ac:dyDescent="0.15">
      <c r="B44" s="34"/>
      <c r="C44" s="135"/>
      <c r="D44" s="136"/>
      <c r="E44" s="137"/>
      <c r="F44" s="135"/>
      <c r="G44" s="136"/>
      <c r="H44" s="136"/>
      <c r="I44" s="137"/>
      <c r="J44" s="135"/>
      <c r="K44" s="136"/>
      <c r="L44" s="136"/>
      <c r="M44" s="137"/>
      <c r="N44" s="135"/>
      <c r="O44" s="136"/>
      <c r="P44" s="137"/>
      <c r="Q44" s="135"/>
      <c r="R44" s="136"/>
      <c r="S44" s="137"/>
      <c r="T44" s="135"/>
      <c r="U44" s="136"/>
      <c r="V44" s="136"/>
      <c r="W44" s="136"/>
      <c r="X44" s="136"/>
      <c r="Y44" s="137"/>
      <c r="Z44" s="135"/>
      <c r="AA44" s="136"/>
      <c r="AB44" s="136"/>
      <c r="AC44" s="136"/>
      <c r="AD44" s="136"/>
      <c r="AE44" s="136"/>
      <c r="AF44" s="137"/>
      <c r="AG44" s="135"/>
      <c r="AH44" s="136"/>
      <c r="AI44" s="136"/>
      <c r="AJ44" s="137"/>
      <c r="AK44" s="180"/>
      <c r="AL44" s="180"/>
      <c r="AM44" s="180"/>
      <c r="AN44" s="180"/>
      <c r="AO44" s="180"/>
      <c r="AP44" s="180"/>
      <c r="AQ44" s="180"/>
      <c r="AR44" s="180"/>
      <c r="AS44" s="180"/>
      <c r="AT44" s="180"/>
      <c r="AU44" s="182"/>
      <c r="AV44" s="182"/>
      <c r="AW44" s="182"/>
      <c r="AX44" s="182"/>
      <c r="AY44" s="144"/>
      <c r="AZ44" s="145"/>
      <c r="BA44" s="145"/>
      <c r="BB44" s="145"/>
      <c r="BC44" s="146"/>
      <c r="BD44" s="12"/>
      <c r="BE44" s="39"/>
      <c r="BF44" s="40"/>
    </row>
    <row r="45" spans="2:64" ht="24.75" customHeight="1" x14ac:dyDescent="0.15">
      <c r="B45" s="34"/>
      <c r="C45" s="135"/>
      <c r="D45" s="136"/>
      <c r="E45" s="137"/>
      <c r="F45" s="135"/>
      <c r="G45" s="136"/>
      <c r="H45" s="136"/>
      <c r="I45" s="137"/>
      <c r="J45" s="135"/>
      <c r="K45" s="136"/>
      <c r="L45" s="136"/>
      <c r="M45" s="137"/>
      <c r="N45" s="135"/>
      <c r="O45" s="136"/>
      <c r="P45" s="137"/>
      <c r="Q45" s="135"/>
      <c r="R45" s="136"/>
      <c r="S45" s="137"/>
      <c r="T45" s="135"/>
      <c r="U45" s="136"/>
      <c r="V45" s="136"/>
      <c r="W45" s="136"/>
      <c r="X45" s="136"/>
      <c r="Y45" s="137"/>
      <c r="Z45" s="135"/>
      <c r="AA45" s="136"/>
      <c r="AB45" s="136"/>
      <c r="AC45" s="136"/>
      <c r="AD45" s="136"/>
      <c r="AE45" s="136"/>
      <c r="AF45" s="137"/>
      <c r="AG45" s="135"/>
      <c r="AH45" s="136"/>
      <c r="AI45" s="136"/>
      <c r="AJ45" s="137"/>
      <c r="AK45" s="180"/>
      <c r="AL45" s="180"/>
      <c r="AM45" s="180"/>
      <c r="AN45" s="180"/>
      <c r="AO45" s="180"/>
      <c r="AP45" s="180"/>
      <c r="AQ45" s="180"/>
      <c r="AR45" s="180"/>
      <c r="AS45" s="180"/>
      <c r="AT45" s="180"/>
      <c r="AU45" s="183"/>
      <c r="AV45" s="183"/>
      <c r="AW45" s="183"/>
      <c r="AX45" s="183"/>
      <c r="AY45" s="144"/>
      <c r="AZ45" s="145"/>
      <c r="BA45" s="145"/>
      <c r="BB45" s="145"/>
      <c r="BC45" s="146"/>
      <c r="BD45" s="12"/>
      <c r="BE45" s="39"/>
      <c r="BF45" s="40"/>
    </row>
    <row r="46" spans="2:64" ht="17.25" customHeight="1" x14ac:dyDescent="0.15">
      <c r="B46" s="34"/>
      <c r="C46" s="135"/>
      <c r="D46" s="136"/>
      <c r="E46" s="137"/>
      <c r="F46" s="135"/>
      <c r="G46" s="136"/>
      <c r="H46" s="136"/>
      <c r="I46" s="137"/>
      <c r="J46" s="135"/>
      <c r="K46" s="136"/>
      <c r="L46" s="136"/>
      <c r="M46" s="137"/>
      <c r="N46" s="135"/>
      <c r="O46" s="136"/>
      <c r="P46" s="137"/>
      <c r="Q46" s="135"/>
      <c r="R46" s="136"/>
      <c r="S46" s="137"/>
      <c r="T46" s="135"/>
      <c r="U46" s="136"/>
      <c r="V46" s="136"/>
      <c r="W46" s="136"/>
      <c r="X46" s="136"/>
      <c r="Y46" s="137"/>
      <c r="Z46" s="135"/>
      <c r="AA46" s="136"/>
      <c r="AB46" s="136"/>
      <c r="AC46" s="136"/>
      <c r="AD46" s="136"/>
      <c r="AE46" s="136"/>
      <c r="AF46" s="137"/>
      <c r="AG46" s="135"/>
      <c r="AH46" s="136"/>
      <c r="AI46" s="136"/>
      <c r="AJ46" s="137"/>
      <c r="AK46" s="180"/>
      <c r="AL46" s="180"/>
      <c r="AM46" s="180"/>
      <c r="AN46" s="180"/>
      <c r="AO46" s="181"/>
      <c r="AP46" s="181"/>
      <c r="AQ46" s="181"/>
      <c r="AR46" s="181"/>
      <c r="AS46" s="181"/>
      <c r="AT46" s="181"/>
      <c r="AU46" s="184" t="s">
        <v>56</v>
      </c>
      <c r="AV46" s="184"/>
      <c r="AW46" s="184"/>
      <c r="AX46" s="184"/>
      <c r="AY46" s="144"/>
      <c r="AZ46" s="145"/>
      <c r="BA46" s="145"/>
      <c r="BB46" s="145"/>
      <c r="BC46" s="146"/>
      <c r="BD46" s="12"/>
      <c r="BE46" s="39"/>
      <c r="BF46" s="40"/>
    </row>
    <row r="47" spans="2:64" ht="24.75" customHeight="1" x14ac:dyDescent="0.15">
      <c r="B47" s="34"/>
      <c r="C47" s="138"/>
      <c r="D47" s="139"/>
      <c r="E47" s="140"/>
      <c r="F47" s="138"/>
      <c r="G47" s="139"/>
      <c r="H47" s="139"/>
      <c r="I47" s="140"/>
      <c r="J47" s="138"/>
      <c r="K47" s="139"/>
      <c r="L47" s="139"/>
      <c r="M47" s="140"/>
      <c r="N47" s="138"/>
      <c r="O47" s="139"/>
      <c r="P47" s="140"/>
      <c r="Q47" s="138"/>
      <c r="R47" s="139"/>
      <c r="S47" s="140"/>
      <c r="T47" s="138"/>
      <c r="U47" s="139"/>
      <c r="V47" s="139"/>
      <c r="W47" s="139"/>
      <c r="X47" s="139"/>
      <c r="Y47" s="140"/>
      <c r="Z47" s="138"/>
      <c r="AA47" s="139"/>
      <c r="AB47" s="139"/>
      <c r="AC47" s="139"/>
      <c r="AD47" s="139"/>
      <c r="AE47" s="139"/>
      <c r="AF47" s="140"/>
      <c r="AG47" s="138"/>
      <c r="AH47" s="139"/>
      <c r="AI47" s="139"/>
      <c r="AJ47" s="140"/>
      <c r="AK47" s="180"/>
      <c r="AL47" s="180"/>
      <c r="AM47" s="180"/>
      <c r="AN47" s="180"/>
      <c r="AO47" s="184" t="s">
        <v>60</v>
      </c>
      <c r="AP47" s="184"/>
      <c r="AQ47" s="184"/>
      <c r="AR47" s="184" t="s">
        <v>61</v>
      </c>
      <c r="AS47" s="184"/>
      <c r="AT47" s="184"/>
      <c r="AU47" s="180"/>
      <c r="AV47" s="180"/>
      <c r="AW47" s="180"/>
      <c r="AX47" s="180"/>
      <c r="AY47" s="147"/>
      <c r="AZ47" s="148"/>
      <c r="BA47" s="148"/>
      <c r="BB47" s="148"/>
      <c r="BC47" s="149"/>
      <c r="BD47" s="12"/>
      <c r="BE47" s="39"/>
      <c r="BF47" s="40"/>
    </row>
    <row r="48" spans="2:64" ht="21" customHeight="1" x14ac:dyDescent="0.15">
      <c r="B48" s="34"/>
      <c r="C48" s="150"/>
      <c r="D48" s="151"/>
      <c r="E48" s="152"/>
      <c r="F48" s="150"/>
      <c r="G48" s="151"/>
      <c r="H48" s="151"/>
      <c r="I48" s="152"/>
      <c r="J48" s="150"/>
      <c r="K48" s="151"/>
      <c r="L48" s="151"/>
      <c r="M48" s="152"/>
      <c r="N48" s="189"/>
      <c r="O48" s="190"/>
      <c r="P48" s="191"/>
      <c r="Q48" s="189"/>
      <c r="R48" s="190"/>
      <c r="S48" s="191"/>
      <c r="T48" s="165"/>
      <c r="U48" s="166"/>
      <c r="V48" s="166"/>
      <c r="W48" s="166"/>
      <c r="X48" s="166"/>
      <c r="Y48" s="167"/>
      <c r="Z48" s="150"/>
      <c r="AA48" s="151"/>
      <c r="AB48" s="151"/>
      <c r="AC48" s="151"/>
      <c r="AD48" s="151"/>
      <c r="AE48" s="151"/>
      <c r="AF48" s="152"/>
      <c r="AG48" s="150"/>
      <c r="AH48" s="151"/>
      <c r="AI48" s="151"/>
      <c r="AJ48" s="152"/>
      <c r="AK48" s="197"/>
      <c r="AL48" s="197"/>
      <c r="AM48" s="197"/>
      <c r="AN48" s="197"/>
      <c r="AO48" s="197"/>
      <c r="AP48" s="197"/>
      <c r="AQ48" s="197"/>
      <c r="AR48" s="198"/>
      <c r="AS48" s="198"/>
      <c r="AT48" s="198"/>
      <c r="AU48" s="198"/>
      <c r="AV48" s="198"/>
      <c r="AW48" s="198"/>
      <c r="AX48" s="198"/>
      <c r="AY48" s="150"/>
      <c r="AZ48" s="151"/>
      <c r="BA48" s="151"/>
      <c r="BB48" s="151"/>
      <c r="BC48" s="152"/>
      <c r="BD48" s="12"/>
      <c r="BE48" s="39"/>
      <c r="BF48" s="40"/>
    </row>
    <row r="49" spans="2:59" ht="21" customHeight="1" x14ac:dyDescent="0.15">
      <c r="B49" s="34"/>
      <c r="C49" s="153"/>
      <c r="D49" s="154"/>
      <c r="E49" s="155"/>
      <c r="F49" s="153"/>
      <c r="G49" s="154"/>
      <c r="H49" s="154"/>
      <c r="I49" s="155"/>
      <c r="J49" s="153"/>
      <c r="K49" s="154"/>
      <c r="L49" s="154"/>
      <c r="M49" s="155"/>
      <c r="N49" s="192"/>
      <c r="O49" s="193"/>
      <c r="P49" s="194"/>
      <c r="Q49" s="192"/>
      <c r="R49" s="193"/>
      <c r="S49" s="194"/>
      <c r="T49" s="168"/>
      <c r="U49" s="169"/>
      <c r="V49" s="169"/>
      <c r="W49" s="169"/>
      <c r="X49" s="169"/>
      <c r="Y49" s="170"/>
      <c r="Z49" s="153"/>
      <c r="AA49" s="154"/>
      <c r="AB49" s="154"/>
      <c r="AC49" s="154"/>
      <c r="AD49" s="154"/>
      <c r="AE49" s="154"/>
      <c r="AF49" s="155"/>
      <c r="AG49" s="153"/>
      <c r="AH49" s="154"/>
      <c r="AI49" s="154"/>
      <c r="AJ49" s="155"/>
      <c r="AK49" s="197"/>
      <c r="AL49" s="197"/>
      <c r="AM49" s="197"/>
      <c r="AN49" s="197"/>
      <c r="AO49" s="197"/>
      <c r="AP49" s="197"/>
      <c r="AQ49" s="197"/>
      <c r="AR49" s="198"/>
      <c r="AS49" s="198"/>
      <c r="AT49" s="198"/>
      <c r="AU49" s="198"/>
      <c r="AV49" s="198"/>
      <c r="AW49" s="198"/>
      <c r="AX49" s="198"/>
      <c r="AY49" s="153"/>
      <c r="AZ49" s="154"/>
      <c r="BA49" s="154"/>
      <c r="BB49" s="154"/>
      <c r="BC49" s="155"/>
      <c r="BD49" s="12"/>
      <c r="BE49" s="39"/>
      <c r="BF49" s="40"/>
    </row>
    <row r="50" spans="2:59" ht="21" customHeight="1" x14ac:dyDescent="0.15">
      <c r="B50" s="34"/>
      <c r="C50" s="150"/>
      <c r="D50" s="151"/>
      <c r="E50" s="152"/>
      <c r="F50" s="150"/>
      <c r="G50" s="151"/>
      <c r="H50" s="151"/>
      <c r="I50" s="152"/>
      <c r="J50" s="150"/>
      <c r="K50" s="151"/>
      <c r="L50" s="151"/>
      <c r="M50" s="152"/>
      <c r="N50" s="189"/>
      <c r="O50" s="190"/>
      <c r="P50" s="191"/>
      <c r="Q50" s="189"/>
      <c r="R50" s="190"/>
      <c r="S50" s="191"/>
      <c r="T50" s="165"/>
      <c r="U50" s="166"/>
      <c r="V50" s="166"/>
      <c r="W50" s="166"/>
      <c r="X50" s="166"/>
      <c r="Y50" s="167"/>
      <c r="Z50" s="150"/>
      <c r="AA50" s="151"/>
      <c r="AB50" s="151"/>
      <c r="AC50" s="151"/>
      <c r="AD50" s="151"/>
      <c r="AE50" s="151"/>
      <c r="AF50" s="152"/>
      <c r="AG50" s="150"/>
      <c r="AH50" s="151"/>
      <c r="AI50" s="151"/>
      <c r="AJ50" s="152"/>
      <c r="AK50" s="195"/>
      <c r="AL50" s="195"/>
      <c r="AM50" s="195"/>
      <c r="AN50" s="195"/>
      <c r="AO50" s="199"/>
      <c r="AP50" s="199"/>
      <c r="AQ50" s="199"/>
      <c r="AR50" s="201"/>
      <c r="AS50" s="201"/>
      <c r="AT50" s="201"/>
      <c r="AU50" s="201"/>
      <c r="AV50" s="201"/>
      <c r="AW50" s="201"/>
      <c r="AX50" s="201"/>
      <c r="AY50" s="150"/>
      <c r="AZ50" s="151"/>
      <c r="BA50" s="151"/>
      <c r="BB50" s="151"/>
      <c r="BC50" s="152"/>
      <c r="BD50" s="12"/>
      <c r="BE50" s="39"/>
      <c r="BF50" s="40"/>
    </row>
    <row r="51" spans="2:59" ht="21" customHeight="1" thickBot="1" x14ac:dyDescent="0.2">
      <c r="B51" s="34"/>
      <c r="C51" s="186"/>
      <c r="D51" s="187"/>
      <c r="E51" s="188"/>
      <c r="F51" s="153"/>
      <c r="G51" s="154"/>
      <c r="H51" s="154"/>
      <c r="I51" s="155"/>
      <c r="J51" s="153"/>
      <c r="K51" s="154"/>
      <c r="L51" s="154"/>
      <c r="M51" s="155"/>
      <c r="N51" s="192"/>
      <c r="O51" s="193"/>
      <c r="P51" s="194"/>
      <c r="Q51" s="192"/>
      <c r="R51" s="193"/>
      <c r="S51" s="194"/>
      <c r="T51" s="171"/>
      <c r="U51" s="172"/>
      <c r="V51" s="172"/>
      <c r="W51" s="172"/>
      <c r="X51" s="172"/>
      <c r="Y51" s="173"/>
      <c r="Z51" s="153"/>
      <c r="AA51" s="154"/>
      <c r="AB51" s="154"/>
      <c r="AC51" s="154"/>
      <c r="AD51" s="154"/>
      <c r="AE51" s="154"/>
      <c r="AF51" s="155"/>
      <c r="AG51" s="153"/>
      <c r="AH51" s="154"/>
      <c r="AI51" s="154"/>
      <c r="AJ51" s="155"/>
      <c r="AK51" s="196"/>
      <c r="AL51" s="196"/>
      <c r="AM51" s="196"/>
      <c r="AN51" s="196"/>
      <c r="AO51" s="200"/>
      <c r="AP51" s="200"/>
      <c r="AQ51" s="200"/>
      <c r="AR51" s="202"/>
      <c r="AS51" s="202"/>
      <c r="AT51" s="202"/>
      <c r="AU51" s="202"/>
      <c r="AV51" s="202"/>
      <c r="AW51" s="202"/>
      <c r="AX51" s="202"/>
      <c r="AY51" s="153"/>
      <c r="AZ51" s="154"/>
      <c r="BA51" s="154"/>
      <c r="BB51" s="154"/>
      <c r="BC51" s="155"/>
      <c r="BD51" s="12"/>
      <c r="BE51" s="39"/>
      <c r="BF51" s="40"/>
    </row>
    <row r="52" spans="2:59" ht="24.75" customHeight="1" thickTop="1" x14ac:dyDescent="0.15">
      <c r="B52" s="34"/>
      <c r="C52" s="7"/>
      <c r="D52" s="8"/>
      <c r="E52" s="9"/>
      <c r="F52" s="7"/>
      <c r="G52" s="64"/>
      <c r="H52" s="64"/>
      <c r="I52" s="64"/>
      <c r="J52" s="63"/>
      <c r="K52" s="64"/>
      <c r="L52" s="64"/>
      <c r="M52" s="64"/>
      <c r="N52" s="63"/>
      <c r="O52" s="64"/>
      <c r="P52" s="65"/>
      <c r="Q52" s="63"/>
      <c r="R52" s="64"/>
      <c r="S52" s="65"/>
      <c r="T52" s="174"/>
      <c r="U52" s="175"/>
      <c r="V52" s="175"/>
      <c r="W52" s="175"/>
      <c r="X52" s="175"/>
      <c r="Y52" s="176"/>
      <c r="Z52" s="63"/>
      <c r="AA52" s="64"/>
      <c r="AB52" s="64"/>
      <c r="AC52" s="64"/>
      <c r="AD52" s="64"/>
      <c r="AE52" s="64"/>
      <c r="AF52" s="65"/>
      <c r="AG52" s="63"/>
      <c r="AH52" s="64"/>
      <c r="AI52" s="64"/>
      <c r="AJ52" s="65"/>
      <c r="AK52" s="203"/>
      <c r="AL52" s="203"/>
      <c r="AM52" s="203"/>
      <c r="AN52" s="203"/>
      <c r="AO52" s="204"/>
      <c r="AP52" s="204"/>
      <c r="AQ52" s="204"/>
      <c r="AR52" s="204"/>
      <c r="AS52" s="204"/>
      <c r="AT52" s="204"/>
      <c r="AU52" s="204"/>
      <c r="AV52" s="204"/>
      <c r="AW52" s="204"/>
      <c r="AX52" s="204"/>
      <c r="AY52" s="63"/>
      <c r="AZ52" s="64"/>
      <c r="BA52" s="64"/>
      <c r="BB52" s="64"/>
      <c r="BC52" s="65"/>
      <c r="BD52" s="12"/>
      <c r="BE52" s="39"/>
      <c r="BF52" s="40"/>
    </row>
    <row r="53" spans="2:59" ht="13.5" customHeight="1" x14ac:dyDescent="0.15">
      <c r="B53" s="34"/>
      <c r="C53" s="10"/>
      <c r="D53" s="10"/>
      <c r="E53" s="10"/>
      <c r="F53" s="10"/>
      <c r="G53" s="11"/>
      <c r="H53" s="11"/>
      <c r="I53" s="11"/>
      <c r="J53" s="11"/>
      <c r="K53" s="11"/>
      <c r="L53" s="11"/>
      <c r="M53" s="11"/>
      <c r="N53" s="11"/>
      <c r="O53" s="11"/>
      <c r="P53" s="11"/>
      <c r="Q53" s="11"/>
      <c r="R53" s="11"/>
      <c r="S53" s="11"/>
      <c r="T53" s="18"/>
      <c r="U53" s="18"/>
      <c r="V53" s="18"/>
      <c r="W53" s="18"/>
      <c r="X53" s="18"/>
      <c r="Y53" s="18"/>
      <c r="Z53" s="11"/>
      <c r="AA53" s="11"/>
      <c r="AB53" s="11"/>
      <c r="AC53" s="11"/>
      <c r="AD53" s="11"/>
      <c r="AE53" s="11"/>
      <c r="AF53" s="11"/>
      <c r="AG53" s="11"/>
      <c r="AH53" s="11"/>
      <c r="AI53" s="11"/>
      <c r="AJ53" s="11"/>
      <c r="AK53" s="11"/>
      <c r="AL53" s="11"/>
      <c r="AM53" s="11"/>
      <c r="AN53" s="11"/>
      <c r="AO53" s="11"/>
      <c r="AP53" s="11"/>
      <c r="AQ53" s="11"/>
      <c r="AR53" s="11"/>
      <c r="AS53" s="11"/>
      <c r="AT53" s="11"/>
      <c r="AU53" s="11"/>
      <c r="AV53" s="11"/>
      <c r="AW53" s="11"/>
      <c r="AX53" s="11"/>
      <c r="AY53" s="11"/>
      <c r="AZ53" s="11"/>
      <c r="BA53" s="11"/>
      <c r="BB53" s="11"/>
      <c r="BC53" s="11"/>
      <c r="BD53" s="12"/>
      <c r="BE53" s="39"/>
      <c r="BF53" s="40"/>
    </row>
    <row r="54" spans="2:59" ht="13.5" customHeight="1" x14ac:dyDescent="0.15">
      <c r="B54" s="34"/>
      <c r="C54" s="4" t="s">
        <v>89</v>
      </c>
      <c r="D54" s="45"/>
      <c r="E54" s="45"/>
      <c r="F54" s="45"/>
      <c r="G54" s="45"/>
      <c r="H54" s="45"/>
      <c r="I54" s="45"/>
      <c r="J54" s="45"/>
      <c r="K54" s="45"/>
      <c r="L54" s="45"/>
      <c r="M54" s="45"/>
      <c r="N54" s="45"/>
      <c r="O54" s="45"/>
      <c r="P54" s="45"/>
      <c r="Q54" s="45"/>
      <c r="R54" s="45"/>
      <c r="S54" s="45"/>
      <c r="T54" s="45"/>
      <c r="U54" s="45"/>
      <c r="V54" s="45"/>
      <c r="W54" s="45"/>
      <c r="X54" s="45"/>
      <c r="Y54" s="45"/>
      <c r="Z54" s="45"/>
      <c r="AA54" s="45"/>
      <c r="AB54" s="45"/>
      <c r="AC54" s="45"/>
      <c r="AD54" s="45"/>
      <c r="AE54" s="45"/>
      <c r="AF54" s="45"/>
      <c r="AG54" s="45"/>
      <c r="AH54" s="45"/>
      <c r="AI54" s="45"/>
      <c r="AJ54" s="45"/>
      <c r="AK54" s="45"/>
      <c r="AL54" s="45"/>
      <c r="AM54" s="45"/>
      <c r="AN54" s="45"/>
      <c r="AO54" s="45"/>
      <c r="AP54" s="45"/>
      <c r="AQ54" s="46"/>
      <c r="AR54" s="46"/>
      <c r="AS54" s="46"/>
      <c r="AT54" s="46"/>
      <c r="AU54" s="46"/>
      <c r="AV54" s="46"/>
      <c r="AW54" s="46"/>
      <c r="AX54" s="46"/>
      <c r="AY54" s="46"/>
      <c r="AZ54" s="47"/>
      <c r="BA54" s="47"/>
      <c r="BB54" s="47"/>
      <c r="BC54" s="47"/>
      <c r="BD54" s="12"/>
      <c r="BE54" s="36"/>
      <c r="BF54" s="37"/>
      <c r="BG54" s="35"/>
    </row>
    <row r="55" spans="2:59" ht="10.5" customHeight="1" x14ac:dyDescent="0.15">
      <c r="B55" s="34"/>
      <c r="C55" s="12"/>
      <c r="D55" s="14"/>
      <c r="E55" s="14"/>
      <c r="F55" s="14"/>
      <c r="G55" s="14"/>
      <c r="H55" s="14"/>
      <c r="I55" s="14"/>
      <c r="J55" s="14"/>
      <c r="K55" s="14"/>
      <c r="L55" s="14"/>
      <c r="M55" s="14"/>
      <c r="N55" s="14"/>
      <c r="O55" s="14"/>
      <c r="P55" s="14"/>
      <c r="Q55" s="14"/>
      <c r="R55" s="14"/>
      <c r="S55" s="14"/>
      <c r="T55" s="14"/>
      <c r="U55" s="14"/>
      <c r="V55" s="14"/>
      <c r="W55" s="14"/>
      <c r="X55" s="14"/>
      <c r="Y55" s="14"/>
      <c r="Z55" s="14"/>
      <c r="AA55" s="14"/>
      <c r="AB55" s="14"/>
      <c r="AC55" s="14"/>
      <c r="AD55" s="14"/>
      <c r="AE55" s="14"/>
      <c r="AF55" s="14"/>
      <c r="AG55" s="14"/>
      <c r="AH55" s="14"/>
      <c r="AI55" s="14"/>
      <c r="AJ55" s="14"/>
      <c r="AK55" s="14"/>
      <c r="AL55" s="14"/>
      <c r="AM55" s="14"/>
      <c r="AN55" s="14"/>
      <c r="AO55" s="14"/>
      <c r="AP55" s="14"/>
      <c r="AQ55" s="14"/>
      <c r="AR55" s="14"/>
      <c r="AS55" s="14"/>
      <c r="AT55" s="14"/>
      <c r="AU55" s="14"/>
      <c r="AV55" s="14"/>
      <c r="AW55" s="14"/>
      <c r="AX55" s="14"/>
      <c r="AY55" s="14"/>
      <c r="AZ55" s="185" t="s">
        <v>10</v>
      </c>
      <c r="BA55" s="185"/>
      <c r="BB55" s="185"/>
      <c r="BC55" s="185"/>
      <c r="BD55" s="6"/>
      <c r="BE55" s="44"/>
      <c r="BF55" s="40"/>
    </row>
    <row r="56" spans="2:59" ht="24.75" customHeight="1" x14ac:dyDescent="0.15">
      <c r="B56" s="34"/>
      <c r="C56" s="132" t="s">
        <v>13</v>
      </c>
      <c r="D56" s="133"/>
      <c r="E56" s="134"/>
      <c r="F56" s="133" t="s">
        <v>14</v>
      </c>
      <c r="G56" s="133"/>
      <c r="H56" s="133"/>
      <c r="I56" s="134"/>
      <c r="J56" s="133" t="s">
        <v>15</v>
      </c>
      <c r="K56" s="133"/>
      <c r="L56" s="133"/>
      <c r="M56" s="134"/>
      <c r="N56" s="133" t="s">
        <v>11</v>
      </c>
      <c r="O56" s="133"/>
      <c r="P56" s="134"/>
      <c r="Q56" s="133" t="s">
        <v>16</v>
      </c>
      <c r="R56" s="133"/>
      <c r="S56" s="134"/>
      <c r="T56" s="223" t="s">
        <v>25</v>
      </c>
      <c r="U56" s="224"/>
      <c r="V56" s="224"/>
      <c r="W56" s="224"/>
      <c r="X56" s="224"/>
      <c r="Y56" s="225"/>
      <c r="Z56" s="223" t="s">
        <v>17</v>
      </c>
      <c r="AA56" s="224"/>
      <c r="AB56" s="224"/>
      <c r="AC56" s="224"/>
      <c r="AD56" s="224"/>
      <c r="AE56" s="224"/>
      <c r="AF56" s="225"/>
      <c r="AG56" s="133" t="s">
        <v>18</v>
      </c>
      <c r="AH56" s="133"/>
      <c r="AI56" s="133"/>
      <c r="AJ56" s="133"/>
      <c r="AK56" s="132" t="s">
        <v>19</v>
      </c>
      <c r="AL56" s="133"/>
      <c r="AM56" s="133"/>
      <c r="AN56" s="134"/>
      <c r="AO56" s="205" t="s">
        <v>57</v>
      </c>
      <c r="AP56" s="206"/>
      <c r="AQ56" s="207"/>
      <c r="AR56" s="205" t="s">
        <v>8</v>
      </c>
      <c r="AS56" s="206"/>
      <c r="AT56" s="211"/>
      <c r="AU56" s="213" t="s">
        <v>20</v>
      </c>
      <c r="AV56" s="214"/>
      <c r="AW56" s="214"/>
      <c r="AX56" s="215"/>
      <c r="AY56" s="142" t="s">
        <v>9</v>
      </c>
      <c r="AZ56" s="142"/>
      <c r="BA56" s="142"/>
      <c r="BB56" s="142"/>
      <c r="BC56" s="143"/>
      <c r="BD56" s="12"/>
      <c r="BE56" s="39"/>
      <c r="BF56" s="40"/>
    </row>
    <row r="57" spans="2:59" ht="24.75" customHeight="1" x14ac:dyDescent="0.15">
      <c r="B57" s="34"/>
      <c r="C57" s="135"/>
      <c r="D57" s="136"/>
      <c r="E57" s="137"/>
      <c r="F57" s="136"/>
      <c r="G57" s="136"/>
      <c r="H57" s="136"/>
      <c r="I57" s="137"/>
      <c r="J57" s="136"/>
      <c r="K57" s="136"/>
      <c r="L57" s="136"/>
      <c r="M57" s="137"/>
      <c r="N57" s="136"/>
      <c r="O57" s="136"/>
      <c r="P57" s="137"/>
      <c r="Q57" s="136"/>
      <c r="R57" s="136"/>
      <c r="S57" s="137"/>
      <c r="T57" s="226"/>
      <c r="U57" s="227"/>
      <c r="V57" s="227"/>
      <c r="W57" s="227"/>
      <c r="X57" s="227"/>
      <c r="Y57" s="228"/>
      <c r="Z57" s="226"/>
      <c r="AA57" s="227"/>
      <c r="AB57" s="227"/>
      <c r="AC57" s="227"/>
      <c r="AD57" s="227"/>
      <c r="AE57" s="227"/>
      <c r="AF57" s="228"/>
      <c r="AG57" s="136"/>
      <c r="AH57" s="136"/>
      <c r="AI57" s="136"/>
      <c r="AJ57" s="136"/>
      <c r="AK57" s="135"/>
      <c r="AL57" s="136"/>
      <c r="AM57" s="136"/>
      <c r="AN57" s="137"/>
      <c r="AO57" s="208"/>
      <c r="AP57" s="209"/>
      <c r="AQ57" s="210"/>
      <c r="AR57" s="208"/>
      <c r="AS57" s="209"/>
      <c r="AT57" s="212"/>
      <c r="AU57" s="216"/>
      <c r="AV57" s="217"/>
      <c r="AW57" s="217"/>
      <c r="AX57" s="218"/>
      <c r="AY57" s="145"/>
      <c r="AZ57" s="145"/>
      <c r="BA57" s="145"/>
      <c r="BB57" s="145"/>
      <c r="BC57" s="146"/>
      <c r="BD57" s="12"/>
      <c r="BE57" s="39"/>
      <c r="BF57" s="40"/>
    </row>
    <row r="58" spans="2:59" ht="24.75" customHeight="1" x14ac:dyDescent="0.15">
      <c r="B58" s="34"/>
      <c r="C58" s="135"/>
      <c r="D58" s="136"/>
      <c r="E58" s="137"/>
      <c r="F58" s="136"/>
      <c r="G58" s="136"/>
      <c r="H58" s="136"/>
      <c r="I58" s="137"/>
      <c r="J58" s="136"/>
      <c r="K58" s="136"/>
      <c r="L58" s="136"/>
      <c r="M58" s="137"/>
      <c r="N58" s="136"/>
      <c r="O58" s="136"/>
      <c r="P58" s="137"/>
      <c r="Q58" s="136"/>
      <c r="R58" s="136"/>
      <c r="S58" s="137"/>
      <c r="T58" s="226"/>
      <c r="U58" s="227"/>
      <c r="V58" s="227"/>
      <c r="W58" s="227"/>
      <c r="X58" s="227"/>
      <c r="Y58" s="228"/>
      <c r="Z58" s="226"/>
      <c r="AA58" s="227"/>
      <c r="AB58" s="227"/>
      <c r="AC58" s="227"/>
      <c r="AD58" s="227"/>
      <c r="AE58" s="227"/>
      <c r="AF58" s="228"/>
      <c r="AG58" s="136"/>
      <c r="AH58" s="136"/>
      <c r="AI58" s="136"/>
      <c r="AJ58" s="136"/>
      <c r="AK58" s="135"/>
      <c r="AL58" s="136"/>
      <c r="AM58" s="136"/>
      <c r="AN58" s="137"/>
      <c r="AO58" s="208"/>
      <c r="AP58" s="209"/>
      <c r="AQ58" s="210"/>
      <c r="AR58" s="208"/>
      <c r="AS58" s="209"/>
      <c r="AT58" s="212"/>
      <c r="AU58" s="216"/>
      <c r="AV58" s="217"/>
      <c r="AW58" s="217"/>
      <c r="AX58" s="218"/>
      <c r="AY58" s="145"/>
      <c r="AZ58" s="145"/>
      <c r="BA58" s="145"/>
      <c r="BB58" s="145"/>
      <c r="BC58" s="146"/>
      <c r="BD58" s="12"/>
      <c r="BE58" s="39"/>
      <c r="BF58" s="40"/>
    </row>
    <row r="59" spans="2:59" ht="17.25" customHeight="1" x14ac:dyDescent="0.15">
      <c r="B59" s="34"/>
      <c r="C59" s="135"/>
      <c r="D59" s="136"/>
      <c r="E59" s="137"/>
      <c r="F59" s="136"/>
      <c r="G59" s="136"/>
      <c r="H59" s="136"/>
      <c r="I59" s="137"/>
      <c r="J59" s="136"/>
      <c r="K59" s="136"/>
      <c r="L59" s="136"/>
      <c r="M59" s="137"/>
      <c r="N59" s="136"/>
      <c r="O59" s="136"/>
      <c r="P59" s="137"/>
      <c r="Q59" s="136"/>
      <c r="R59" s="136"/>
      <c r="S59" s="137"/>
      <c r="T59" s="226"/>
      <c r="U59" s="227"/>
      <c r="V59" s="227"/>
      <c r="W59" s="227"/>
      <c r="X59" s="227"/>
      <c r="Y59" s="228"/>
      <c r="Z59" s="226"/>
      <c r="AA59" s="227"/>
      <c r="AB59" s="227"/>
      <c r="AC59" s="227"/>
      <c r="AD59" s="227"/>
      <c r="AE59" s="227"/>
      <c r="AF59" s="228"/>
      <c r="AG59" s="136"/>
      <c r="AH59" s="136"/>
      <c r="AI59" s="136"/>
      <c r="AJ59" s="136"/>
      <c r="AK59" s="135"/>
      <c r="AL59" s="136"/>
      <c r="AM59" s="136"/>
      <c r="AN59" s="137"/>
      <c r="AO59" s="208"/>
      <c r="AP59" s="209"/>
      <c r="AQ59" s="210"/>
      <c r="AR59" s="208"/>
      <c r="AS59" s="209"/>
      <c r="AT59" s="212"/>
      <c r="AU59" s="219" t="s">
        <v>56</v>
      </c>
      <c r="AV59" s="209"/>
      <c r="AW59" s="209"/>
      <c r="AX59" s="210"/>
      <c r="AY59" s="145"/>
      <c r="AZ59" s="145"/>
      <c r="BA59" s="145"/>
      <c r="BB59" s="145"/>
      <c r="BC59" s="146"/>
      <c r="BD59" s="12"/>
      <c r="BE59" s="39"/>
      <c r="BF59" s="40"/>
    </row>
    <row r="60" spans="2:59" ht="24.75" customHeight="1" x14ac:dyDescent="0.15">
      <c r="B60" s="34"/>
      <c r="C60" s="135"/>
      <c r="D60" s="136"/>
      <c r="E60" s="137"/>
      <c r="F60" s="136"/>
      <c r="G60" s="136"/>
      <c r="H60" s="136"/>
      <c r="I60" s="137"/>
      <c r="J60" s="136"/>
      <c r="K60" s="136"/>
      <c r="L60" s="136"/>
      <c r="M60" s="137"/>
      <c r="N60" s="136"/>
      <c r="O60" s="136"/>
      <c r="P60" s="137"/>
      <c r="Q60" s="136"/>
      <c r="R60" s="136"/>
      <c r="S60" s="137"/>
      <c r="T60" s="229"/>
      <c r="U60" s="230"/>
      <c r="V60" s="230"/>
      <c r="W60" s="230"/>
      <c r="X60" s="230"/>
      <c r="Y60" s="231"/>
      <c r="Z60" s="229"/>
      <c r="AA60" s="230"/>
      <c r="AB60" s="230"/>
      <c r="AC60" s="230"/>
      <c r="AD60" s="230"/>
      <c r="AE60" s="230"/>
      <c r="AF60" s="231"/>
      <c r="AG60" s="136"/>
      <c r="AH60" s="136"/>
      <c r="AI60" s="136"/>
      <c r="AJ60" s="136"/>
      <c r="AK60" s="135"/>
      <c r="AL60" s="136"/>
      <c r="AM60" s="136"/>
      <c r="AN60" s="137"/>
      <c r="AO60" s="208" t="s">
        <v>60</v>
      </c>
      <c r="AP60" s="209"/>
      <c r="AQ60" s="210"/>
      <c r="AR60" s="220" t="s">
        <v>61</v>
      </c>
      <c r="AS60" s="221"/>
      <c r="AT60" s="222"/>
      <c r="AU60" s="220"/>
      <c r="AV60" s="221"/>
      <c r="AW60" s="221"/>
      <c r="AX60" s="222"/>
      <c r="AY60" s="148"/>
      <c r="AZ60" s="148"/>
      <c r="BA60" s="148"/>
      <c r="BB60" s="148"/>
      <c r="BC60" s="149"/>
      <c r="BD60" s="12"/>
      <c r="BE60" s="39"/>
      <c r="BF60" s="40"/>
    </row>
    <row r="61" spans="2:59" ht="21" customHeight="1" x14ac:dyDescent="0.15">
      <c r="B61" s="34"/>
      <c r="C61" s="150"/>
      <c r="D61" s="151"/>
      <c r="E61" s="152"/>
      <c r="F61" s="151"/>
      <c r="G61" s="151"/>
      <c r="H61" s="151"/>
      <c r="I61" s="152"/>
      <c r="J61" s="151"/>
      <c r="K61" s="151"/>
      <c r="L61" s="151"/>
      <c r="M61" s="152"/>
      <c r="N61" s="190"/>
      <c r="O61" s="190"/>
      <c r="P61" s="191"/>
      <c r="Q61" s="190"/>
      <c r="R61" s="190"/>
      <c r="S61" s="191"/>
      <c r="T61" s="265"/>
      <c r="U61" s="266"/>
      <c r="V61" s="266"/>
      <c r="W61" s="266"/>
      <c r="X61" s="266"/>
      <c r="Y61" s="267"/>
      <c r="Z61" s="249"/>
      <c r="AA61" s="250"/>
      <c r="AB61" s="250"/>
      <c r="AC61" s="250"/>
      <c r="AD61" s="250"/>
      <c r="AE61" s="250"/>
      <c r="AF61" s="251"/>
      <c r="AG61" s="151"/>
      <c r="AH61" s="151"/>
      <c r="AI61" s="151"/>
      <c r="AJ61" s="151"/>
      <c r="AK61" s="150"/>
      <c r="AL61" s="151"/>
      <c r="AM61" s="151"/>
      <c r="AN61" s="152"/>
      <c r="AO61" s="249"/>
      <c r="AP61" s="250"/>
      <c r="AQ61" s="251"/>
      <c r="AR61" s="255"/>
      <c r="AS61" s="256"/>
      <c r="AT61" s="257"/>
      <c r="AU61" s="261"/>
      <c r="AV61" s="256"/>
      <c r="AW61" s="256"/>
      <c r="AX61" s="262"/>
      <c r="AY61" s="232"/>
      <c r="AZ61" s="232"/>
      <c r="BA61" s="232"/>
      <c r="BB61" s="232"/>
      <c r="BC61" s="233"/>
      <c r="BD61" s="12"/>
      <c r="BE61" s="39"/>
      <c r="BF61" s="40"/>
    </row>
    <row r="62" spans="2:59" ht="21" customHeight="1" x14ac:dyDescent="0.15">
      <c r="B62" s="34"/>
      <c r="C62" s="153"/>
      <c r="D62" s="154"/>
      <c r="E62" s="155"/>
      <c r="F62" s="154"/>
      <c r="G62" s="154"/>
      <c r="H62" s="154"/>
      <c r="I62" s="155"/>
      <c r="J62" s="154"/>
      <c r="K62" s="154"/>
      <c r="L62" s="154"/>
      <c r="M62" s="155"/>
      <c r="N62" s="193"/>
      <c r="O62" s="193"/>
      <c r="P62" s="194"/>
      <c r="Q62" s="193"/>
      <c r="R62" s="193"/>
      <c r="S62" s="194"/>
      <c r="T62" s="268"/>
      <c r="U62" s="269"/>
      <c r="V62" s="269"/>
      <c r="W62" s="269"/>
      <c r="X62" s="269"/>
      <c r="Y62" s="270"/>
      <c r="Z62" s="252"/>
      <c r="AA62" s="253"/>
      <c r="AB62" s="253"/>
      <c r="AC62" s="253"/>
      <c r="AD62" s="253"/>
      <c r="AE62" s="253"/>
      <c r="AF62" s="254"/>
      <c r="AG62" s="154"/>
      <c r="AH62" s="154"/>
      <c r="AI62" s="154"/>
      <c r="AJ62" s="154"/>
      <c r="AK62" s="153"/>
      <c r="AL62" s="154"/>
      <c r="AM62" s="154"/>
      <c r="AN62" s="155"/>
      <c r="AO62" s="252"/>
      <c r="AP62" s="253"/>
      <c r="AQ62" s="254"/>
      <c r="AR62" s="258"/>
      <c r="AS62" s="259"/>
      <c r="AT62" s="260"/>
      <c r="AU62" s="263"/>
      <c r="AV62" s="259"/>
      <c r="AW62" s="259"/>
      <c r="AX62" s="264"/>
      <c r="AY62" s="154"/>
      <c r="AZ62" s="154"/>
      <c r="BA62" s="154"/>
      <c r="BB62" s="154"/>
      <c r="BC62" s="155"/>
      <c r="BD62" s="12"/>
      <c r="BE62" s="39"/>
      <c r="BF62" s="40"/>
    </row>
    <row r="63" spans="2:59" ht="21" customHeight="1" x14ac:dyDescent="0.15">
      <c r="B63" s="60"/>
      <c r="C63" s="150"/>
      <c r="D63" s="151"/>
      <c r="E63" s="152"/>
      <c r="F63" s="232"/>
      <c r="G63" s="232"/>
      <c r="H63" s="232"/>
      <c r="I63" s="233"/>
      <c r="J63" s="232"/>
      <c r="K63" s="232"/>
      <c r="L63" s="232"/>
      <c r="M63" s="233"/>
      <c r="N63" s="234"/>
      <c r="O63" s="234"/>
      <c r="P63" s="235"/>
      <c r="Q63" s="234"/>
      <c r="R63" s="234"/>
      <c r="S63" s="235"/>
      <c r="T63" s="236"/>
      <c r="U63" s="237"/>
      <c r="V63" s="237"/>
      <c r="W63" s="237"/>
      <c r="X63" s="237"/>
      <c r="Y63" s="238"/>
      <c r="Z63" s="242"/>
      <c r="AA63" s="243"/>
      <c r="AB63" s="243"/>
      <c r="AC63" s="243"/>
      <c r="AD63" s="243"/>
      <c r="AE63" s="243"/>
      <c r="AF63" s="244"/>
      <c r="AG63" s="150"/>
      <c r="AH63" s="151"/>
      <c r="AI63" s="151"/>
      <c r="AJ63" s="152"/>
      <c r="AK63" s="248"/>
      <c r="AL63" s="232"/>
      <c r="AM63" s="232"/>
      <c r="AN63" s="233"/>
      <c r="AO63" s="242"/>
      <c r="AP63" s="243"/>
      <c r="AQ63" s="244"/>
      <c r="AR63" s="271"/>
      <c r="AS63" s="272"/>
      <c r="AT63" s="273"/>
      <c r="AU63" s="261"/>
      <c r="AV63" s="256"/>
      <c r="AW63" s="256"/>
      <c r="AX63" s="262"/>
      <c r="AY63" s="232"/>
      <c r="AZ63" s="232"/>
      <c r="BA63" s="232"/>
      <c r="BB63" s="232"/>
      <c r="BC63" s="233"/>
      <c r="BD63" s="12"/>
      <c r="BE63" s="39"/>
      <c r="BF63" s="40"/>
    </row>
    <row r="64" spans="2:59" ht="21" customHeight="1" thickBot="1" x14ac:dyDescent="0.2">
      <c r="B64" s="60"/>
      <c r="C64" s="186"/>
      <c r="D64" s="187"/>
      <c r="E64" s="188"/>
      <c r="F64" s="232"/>
      <c r="G64" s="232"/>
      <c r="H64" s="232"/>
      <c r="I64" s="233"/>
      <c r="J64" s="232"/>
      <c r="K64" s="232"/>
      <c r="L64" s="232"/>
      <c r="M64" s="233"/>
      <c r="N64" s="234"/>
      <c r="O64" s="234"/>
      <c r="P64" s="235"/>
      <c r="Q64" s="234"/>
      <c r="R64" s="234"/>
      <c r="S64" s="235"/>
      <c r="T64" s="239"/>
      <c r="U64" s="240"/>
      <c r="V64" s="240"/>
      <c r="W64" s="240"/>
      <c r="X64" s="240"/>
      <c r="Y64" s="241"/>
      <c r="Z64" s="245"/>
      <c r="AA64" s="246"/>
      <c r="AB64" s="246"/>
      <c r="AC64" s="246"/>
      <c r="AD64" s="246"/>
      <c r="AE64" s="246"/>
      <c r="AF64" s="247"/>
      <c r="AG64" s="186"/>
      <c r="AH64" s="187"/>
      <c r="AI64" s="187"/>
      <c r="AJ64" s="188"/>
      <c r="AK64" s="248"/>
      <c r="AL64" s="232"/>
      <c r="AM64" s="232"/>
      <c r="AN64" s="233"/>
      <c r="AO64" s="245"/>
      <c r="AP64" s="246"/>
      <c r="AQ64" s="247"/>
      <c r="AR64" s="274"/>
      <c r="AS64" s="275"/>
      <c r="AT64" s="276"/>
      <c r="AU64" s="277"/>
      <c r="AV64" s="275"/>
      <c r="AW64" s="275"/>
      <c r="AX64" s="278"/>
      <c r="AY64" s="232"/>
      <c r="AZ64" s="232"/>
      <c r="BA64" s="232"/>
      <c r="BB64" s="232"/>
      <c r="BC64" s="233"/>
      <c r="BD64" s="12"/>
      <c r="BE64" s="39"/>
      <c r="BF64" s="40"/>
    </row>
    <row r="65" spans="2:64" ht="24.75" customHeight="1" thickTop="1" x14ac:dyDescent="0.15">
      <c r="B65" s="60"/>
      <c r="C65" s="61"/>
      <c r="D65" s="61"/>
      <c r="E65" s="62"/>
      <c r="F65" s="8"/>
      <c r="G65" s="64"/>
      <c r="H65" s="64"/>
      <c r="I65" s="65"/>
      <c r="J65" s="64"/>
      <c r="K65" s="64"/>
      <c r="L65" s="64"/>
      <c r="M65" s="65"/>
      <c r="N65" s="64"/>
      <c r="O65" s="64"/>
      <c r="P65" s="65"/>
      <c r="Q65" s="64"/>
      <c r="R65" s="64"/>
      <c r="S65" s="65"/>
      <c r="T65" s="279"/>
      <c r="U65" s="280"/>
      <c r="V65" s="280"/>
      <c r="W65" s="280"/>
      <c r="X65" s="280"/>
      <c r="Y65" s="281"/>
      <c r="Z65" s="282"/>
      <c r="AA65" s="282"/>
      <c r="AB65" s="282"/>
      <c r="AC65" s="282"/>
      <c r="AD65" s="282"/>
      <c r="AE65" s="282"/>
      <c r="AF65" s="283"/>
      <c r="AG65" s="67"/>
      <c r="AH65" s="67"/>
      <c r="AI65" s="67"/>
      <c r="AJ65" s="67"/>
      <c r="AK65" s="284"/>
      <c r="AL65" s="282"/>
      <c r="AM65" s="282"/>
      <c r="AN65" s="283"/>
      <c r="AO65" s="285"/>
      <c r="AP65" s="286"/>
      <c r="AQ65" s="287"/>
      <c r="AR65" s="285"/>
      <c r="AS65" s="286"/>
      <c r="AT65" s="288"/>
      <c r="AU65" s="289"/>
      <c r="AV65" s="286"/>
      <c r="AW65" s="286"/>
      <c r="AX65" s="287"/>
      <c r="AY65" s="64"/>
      <c r="AZ65" s="64"/>
      <c r="BA65" s="64"/>
      <c r="BB65" s="64"/>
      <c r="BC65" s="65"/>
      <c r="BD65" s="12"/>
      <c r="BE65" s="39"/>
      <c r="BF65" s="40"/>
    </row>
    <row r="66" spans="2:64" x14ac:dyDescent="0.15">
      <c r="B66" s="34"/>
      <c r="C66" s="10"/>
      <c r="D66" s="10"/>
      <c r="E66" s="10"/>
      <c r="F66" s="10"/>
      <c r="G66" s="11"/>
      <c r="H66" s="11"/>
      <c r="I66" s="11"/>
      <c r="J66" s="11"/>
      <c r="K66" s="11"/>
      <c r="L66" s="11"/>
      <c r="M66" s="11"/>
      <c r="N66" s="11"/>
      <c r="O66" s="11"/>
      <c r="P66" s="11"/>
      <c r="Q66" s="11"/>
      <c r="R66" s="11"/>
      <c r="S66" s="11"/>
      <c r="T66" s="12"/>
      <c r="U66" s="12"/>
      <c r="V66" s="11"/>
      <c r="W66" s="11"/>
      <c r="X66" s="11"/>
      <c r="Y66" s="11"/>
      <c r="Z66" s="11"/>
      <c r="AA66" s="11"/>
      <c r="AB66" s="11"/>
      <c r="AC66" s="11"/>
      <c r="AD66" s="11"/>
      <c r="AE66" s="11"/>
      <c r="AF66" s="11"/>
      <c r="AG66" s="11"/>
      <c r="AH66" s="11"/>
      <c r="AI66" s="11"/>
      <c r="AJ66" s="11"/>
      <c r="AK66" s="11"/>
      <c r="AL66" s="11"/>
      <c r="AM66" s="11"/>
      <c r="AN66" s="11"/>
      <c r="AO66" s="11"/>
      <c r="AP66" s="11"/>
      <c r="AQ66" s="11"/>
      <c r="AR66" s="11"/>
      <c r="AS66" s="11"/>
      <c r="AT66" s="11"/>
      <c r="AU66" s="11"/>
      <c r="AV66" s="11"/>
      <c r="AW66" s="11"/>
      <c r="AX66" s="11"/>
      <c r="AY66" s="11"/>
      <c r="AZ66" s="11"/>
      <c r="BA66" s="11"/>
      <c r="BB66" s="11"/>
      <c r="BC66" s="11"/>
      <c r="BD66" s="12"/>
      <c r="BE66" s="39"/>
      <c r="BF66" s="40"/>
    </row>
    <row r="67" spans="2:64" x14ac:dyDescent="0.15">
      <c r="B67" s="34"/>
      <c r="C67" s="4" t="s">
        <v>90</v>
      </c>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6"/>
      <c r="AR67" s="6"/>
      <c r="AS67" s="6"/>
      <c r="AT67" s="6"/>
      <c r="AU67" s="6"/>
      <c r="AV67" s="6"/>
      <c r="AW67" s="6"/>
      <c r="AX67" s="6"/>
      <c r="AY67" s="6"/>
      <c r="AZ67" s="6"/>
      <c r="BA67" s="6"/>
      <c r="BB67" s="6"/>
      <c r="BC67" s="6"/>
      <c r="BD67" s="35"/>
      <c r="BE67" s="36"/>
      <c r="BF67" s="37"/>
      <c r="BG67" s="35"/>
      <c r="BJ67" s="35"/>
      <c r="BK67" s="38"/>
      <c r="BL67" s="38"/>
    </row>
    <row r="68" spans="2:64" ht="10.5" customHeight="1" x14ac:dyDescent="0.15">
      <c r="B68" s="34"/>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6"/>
      <c r="AR68" s="6"/>
      <c r="AS68" s="6"/>
      <c r="AT68" s="6"/>
      <c r="AU68" s="6"/>
      <c r="AV68" s="6"/>
      <c r="AW68" s="6"/>
      <c r="AX68" s="6"/>
      <c r="AY68" s="6"/>
      <c r="AZ68" s="84" t="s">
        <v>10</v>
      </c>
      <c r="BA68" s="84"/>
      <c r="BB68" s="84"/>
      <c r="BC68" s="84"/>
      <c r="BD68" s="12"/>
      <c r="BE68" s="36"/>
      <c r="BF68" s="37"/>
      <c r="BG68" s="35"/>
    </row>
    <row r="69" spans="2:64" ht="24.75" customHeight="1" x14ac:dyDescent="0.15">
      <c r="B69" s="34"/>
      <c r="C69" s="132" t="s">
        <v>13</v>
      </c>
      <c r="D69" s="133"/>
      <c r="E69" s="133"/>
      <c r="F69" s="133"/>
      <c r="G69" s="134"/>
      <c r="H69" s="132" t="s">
        <v>21</v>
      </c>
      <c r="I69" s="133"/>
      <c r="J69" s="133"/>
      <c r="K69" s="133"/>
      <c r="L69" s="133"/>
      <c r="M69" s="134"/>
      <c r="N69" s="132" t="s">
        <v>11</v>
      </c>
      <c r="O69" s="133"/>
      <c r="P69" s="133"/>
      <c r="Q69" s="134"/>
      <c r="R69" s="132" t="s">
        <v>22</v>
      </c>
      <c r="S69" s="133"/>
      <c r="T69" s="133"/>
      <c r="U69" s="133"/>
      <c r="V69" s="134"/>
      <c r="W69" s="132" t="s">
        <v>23</v>
      </c>
      <c r="X69" s="133"/>
      <c r="Y69" s="133"/>
      <c r="Z69" s="133"/>
      <c r="AA69" s="133"/>
      <c r="AB69" s="133"/>
      <c r="AC69" s="133"/>
      <c r="AD69" s="133"/>
      <c r="AE69" s="133"/>
      <c r="AF69" s="133"/>
      <c r="AG69" s="134"/>
      <c r="AH69" s="132" t="s">
        <v>18</v>
      </c>
      <c r="AI69" s="133"/>
      <c r="AJ69" s="133"/>
      <c r="AK69" s="134"/>
      <c r="AL69" s="133" t="s">
        <v>19</v>
      </c>
      <c r="AM69" s="133"/>
      <c r="AN69" s="133"/>
      <c r="AO69" s="134"/>
      <c r="AP69" s="132" t="s">
        <v>57</v>
      </c>
      <c r="AQ69" s="133"/>
      <c r="AR69" s="134"/>
      <c r="AS69" s="132" t="s">
        <v>8</v>
      </c>
      <c r="AT69" s="133"/>
      <c r="AU69" s="134"/>
      <c r="AV69" s="141" t="s">
        <v>20</v>
      </c>
      <c r="AW69" s="142"/>
      <c r="AX69" s="142"/>
      <c r="AY69" s="143"/>
      <c r="AZ69" s="73" t="s">
        <v>9</v>
      </c>
      <c r="BA69" s="74"/>
      <c r="BB69" s="74"/>
      <c r="BC69" s="75"/>
      <c r="BD69" s="12"/>
      <c r="BE69" s="39"/>
      <c r="BF69" s="40"/>
    </row>
    <row r="70" spans="2:64" ht="24.75" customHeight="1" x14ac:dyDescent="0.15">
      <c r="B70" s="34"/>
      <c r="C70" s="135"/>
      <c r="D70" s="136"/>
      <c r="E70" s="136"/>
      <c r="F70" s="136"/>
      <c r="G70" s="137"/>
      <c r="H70" s="135"/>
      <c r="I70" s="136"/>
      <c r="J70" s="136"/>
      <c r="K70" s="136"/>
      <c r="L70" s="136"/>
      <c r="M70" s="137"/>
      <c r="N70" s="135"/>
      <c r="O70" s="136"/>
      <c r="P70" s="136"/>
      <c r="Q70" s="137"/>
      <c r="R70" s="135"/>
      <c r="S70" s="136"/>
      <c r="T70" s="136"/>
      <c r="U70" s="136"/>
      <c r="V70" s="137"/>
      <c r="W70" s="135"/>
      <c r="X70" s="136"/>
      <c r="Y70" s="136"/>
      <c r="Z70" s="136"/>
      <c r="AA70" s="136"/>
      <c r="AB70" s="136"/>
      <c r="AC70" s="136"/>
      <c r="AD70" s="136"/>
      <c r="AE70" s="136"/>
      <c r="AF70" s="136"/>
      <c r="AG70" s="137"/>
      <c r="AH70" s="135"/>
      <c r="AI70" s="136"/>
      <c r="AJ70" s="136"/>
      <c r="AK70" s="137"/>
      <c r="AL70" s="136"/>
      <c r="AM70" s="136"/>
      <c r="AN70" s="136"/>
      <c r="AO70" s="137"/>
      <c r="AP70" s="135"/>
      <c r="AQ70" s="136"/>
      <c r="AR70" s="137"/>
      <c r="AS70" s="135"/>
      <c r="AT70" s="136"/>
      <c r="AU70" s="137"/>
      <c r="AV70" s="144"/>
      <c r="AW70" s="145"/>
      <c r="AX70" s="145"/>
      <c r="AY70" s="146"/>
      <c r="AZ70" s="76"/>
      <c r="BA70" s="77"/>
      <c r="BB70" s="77"/>
      <c r="BC70" s="78"/>
      <c r="BD70" s="12"/>
      <c r="BE70" s="39"/>
      <c r="BF70" s="40"/>
    </row>
    <row r="71" spans="2:64" ht="24.75" customHeight="1" x14ac:dyDescent="0.15">
      <c r="B71" s="34"/>
      <c r="C71" s="135"/>
      <c r="D71" s="136"/>
      <c r="E71" s="136"/>
      <c r="F71" s="136"/>
      <c r="G71" s="137"/>
      <c r="H71" s="135"/>
      <c r="I71" s="136"/>
      <c r="J71" s="136"/>
      <c r="K71" s="136"/>
      <c r="L71" s="136"/>
      <c r="M71" s="137"/>
      <c r="N71" s="135"/>
      <c r="O71" s="136"/>
      <c r="P71" s="136"/>
      <c r="Q71" s="137"/>
      <c r="R71" s="135"/>
      <c r="S71" s="136"/>
      <c r="T71" s="136"/>
      <c r="U71" s="136"/>
      <c r="V71" s="137"/>
      <c r="W71" s="135"/>
      <c r="X71" s="136"/>
      <c r="Y71" s="136"/>
      <c r="Z71" s="136"/>
      <c r="AA71" s="136"/>
      <c r="AB71" s="136"/>
      <c r="AC71" s="136"/>
      <c r="AD71" s="136"/>
      <c r="AE71" s="136"/>
      <c r="AF71" s="136"/>
      <c r="AG71" s="137"/>
      <c r="AH71" s="135"/>
      <c r="AI71" s="136"/>
      <c r="AJ71" s="136"/>
      <c r="AK71" s="137"/>
      <c r="AL71" s="136"/>
      <c r="AM71" s="136"/>
      <c r="AN71" s="136"/>
      <c r="AO71" s="137"/>
      <c r="AP71" s="135"/>
      <c r="AQ71" s="136"/>
      <c r="AR71" s="137"/>
      <c r="AS71" s="135"/>
      <c r="AT71" s="136"/>
      <c r="AU71" s="137"/>
      <c r="AV71" s="144"/>
      <c r="AW71" s="145"/>
      <c r="AX71" s="145"/>
      <c r="AY71" s="146"/>
      <c r="AZ71" s="76"/>
      <c r="BA71" s="77"/>
      <c r="BB71" s="77"/>
      <c r="BC71" s="78"/>
      <c r="BD71" s="12"/>
      <c r="BE71" s="39"/>
      <c r="BF71" s="40"/>
    </row>
    <row r="72" spans="2:64" ht="17.25" customHeight="1" x14ac:dyDescent="0.15">
      <c r="B72" s="34"/>
      <c r="C72" s="135"/>
      <c r="D72" s="136"/>
      <c r="E72" s="136"/>
      <c r="F72" s="136"/>
      <c r="G72" s="137"/>
      <c r="H72" s="135"/>
      <c r="I72" s="136"/>
      <c r="J72" s="136"/>
      <c r="K72" s="136"/>
      <c r="L72" s="136"/>
      <c r="M72" s="137"/>
      <c r="N72" s="135"/>
      <c r="O72" s="136"/>
      <c r="P72" s="136"/>
      <c r="Q72" s="137"/>
      <c r="R72" s="135"/>
      <c r="S72" s="136"/>
      <c r="T72" s="136"/>
      <c r="U72" s="136"/>
      <c r="V72" s="137"/>
      <c r="W72" s="135"/>
      <c r="X72" s="136"/>
      <c r="Y72" s="136"/>
      <c r="Z72" s="136"/>
      <c r="AA72" s="136"/>
      <c r="AB72" s="136"/>
      <c r="AC72" s="136"/>
      <c r="AD72" s="136"/>
      <c r="AE72" s="136"/>
      <c r="AF72" s="136"/>
      <c r="AG72" s="137"/>
      <c r="AH72" s="135"/>
      <c r="AI72" s="136"/>
      <c r="AJ72" s="136"/>
      <c r="AK72" s="137"/>
      <c r="AL72" s="136"/>
      <c r="AM72" s="136"/>
      <c r="AN72" s="136"/>
      <c r="AO72" s="137"/>
      <c r="AP72" s="135"/>
      <c r="AQ72" s="136"/>
      <c r="AR72" s="137"/>
      <c r="AS72" s="135"/>
      <c r="AT72" s="136"/>
      <c r="AU72" s="137"/>
      <c r="AV72" s="135" t="s">
        <v>56</v>
      </c>
      <c r="AW72" s="136"/>
      <c r="AX72" s="136"/>
      <c r="AY72" s="137"/>
      <c r="AZ72" s="76"/>
      <c r="BA72" s="77"/>
      <c r="BB72" s="77"/>
      <c r="BC72" s="78"/>
      <c r="BD72" s="12"/>
      <c r="BE72" s="39"/>
      <c r="BF72" s="40"/>
    </row>
    <row r="73" spans="2:64" ht="24.75" customHeight="1" x14ac:dyDescent="0.15">
      <c r="B73" s="34"/>
      <c r="C73" s="2"/>
      <c r="D73" s="1"/>
      <c r="E73" s="1"/>
      <c r="F73" s="1"/>
      <c r="G73" s="3"/>
      <c r="H73" s="2"/>
      <c r="I73" s="1"/>
      <c r="J73" s="1"/>
      <c r="K73" s="1"/>
      <c r="L73" s="1"/>
      <c r="M73" s="3"/>
      <c r="N73" s="2"/>
      <c r="O73" s="1"/>
      <c r="P73" s="1"/>
      <c r="Q73" s="3"/>
      <c r="R73" s="138"/>
      <c r="S73" s="139"/>
      <c r="T73" s="139"/>
      <c r="U73" s="139"/>
      <c r="V73" s="140"/>
      <c r="W73" s="138"/>
      <c r="X73" s="139"/>
      <c r="Y73" s="139"/>
      <c r="Z73" s="139"/>
      <c r="AA73" s="139"/>
      <c r="AB73" s="139"/>
      <c r="AC73" s="139"/>
      <c r="AD73" s="139"/>
      <c r="AE73" s="139"/>
      <c r="AF73" s="139"/>
      <c r="AG73" s="140"/>
      <c r="AH73" s="138"/>
      <c r="AI73" s="139"/>
      <c r="AJ73" s="139"/>
      <c r="AK73" s="140"/>
      <c r="AL73" s="139"/>
      <c r="AM73" s="139"/>
      <c r="AN73" s="139"/>
      <c r="AO73" s="140"/>
      <c r="AP73" s="138" t="s">
        <v>60</v>
      </c>
      <c r="AQ73" s="139"/>
      <c r="AR73" s="140"/>
      <c r="AS73" s="138" t="s">
        <v>61</v>
      </c>
      <c r="AT73" s="139"/>
      <c r="AU73" s="140"/>
      <c r="AV73" s="138"/>
      <c r="AW73" s="139"/>
      <c r="AX73" s="139"/>
      <c r="AY73" s="140"/>
      <c r="AZ73" s="15"/>
      <c r="BA73" s="16"/>
      <c r="BB73" s="16"/>
      <c r="BC73" s="17"/>
      <c r="BD73" s="12"/>
      <c r="BE73" s="39"/>
      <c r="BF73" s="40"/>
    </row>
    <row r="74" spans="2:64" ht="21" customHeight="1" x14ac:dyDescent="0.15">
      <c r="B74" s="34"/>
      <c r="C74" s="98"/>
      <c r="D74" s="99"/>
      <c r="E74" s="99"/>
      <c r="F74" s="99"/>
      <c r="G74" s="100"/>
      <c r="H74" s="104"/>
      <c r="I74" s="105"/>
      <c r="J74" s="105"/>
      <c r="K74" s="105"/>
      <c r="L74" s="105"/>
      <c r="M74" s="106"/>
      <c r="N74" s="98"/>
      <c r="O74" s="99"/>
      <c r="P74" s="99"/>
      <c r="Q74" s="100"/>
      <c r="R74" s="98"/>
      <c r="S74" s="99"/>
      <c r="T74" s="99"/>
      <c r="U74" s="99"/>
      <c r="V74" s="100"/>
      <c r="W74" s="293"/>
      <c r="X74" s="294"/>
      <c r="Y74" s="294"/>
      <c r="Z74" s="294"/>
      <c r="AA74" s="294"/>
      <c r="AB74" s="294"/>
      <c r="AC74" s="294"/>
      <c r="AD74" s="294"/>
      <c r="AE74" s="294"/>
      <c r="AF74" s="294"/>
      <c r="AG74" s="295"/>
      <c r="AH74" s="150"/>
      <c r="AI74" s="151"/>
      <c r="AJ74" s="151"/>
      <c r="AK74" s="152"/>
      <c r="AL74" s="150"/>
      <c r="AM74" s="151"/>
      <c r="AN74" s="151"/>
      <c r="AO74" s="152"/>
      <c r="AP74" s="150"/>
      <c r="AQ74" s="151"/>
      <c r="AR74" s="152"/>
      <c r="AS74" s="156"/>
      <c r="AT74" s="157"/>
      <c r="AU74" s="158"/>
      <c r="AV74" s="156"/>
      <c r="AW74" s="157"/>
      <c r="AX74" s="157"/>
      <c r="AY74" s="158"/>
      <c r="AZ74" s="107"/>
      <c r="BA74" s="108"/>
      <c r="BB74" s="108"/>
      <c r="BC74" s="109"/>
      <c r="BD74" s="12"/>
      <c r="BE74" s="39"/>
      <c r="BF74" s="40"/>
    </row>
    <row r="75" spans="2:64" ht="21" customHeight="1" x14ac:dyDescent="0.15">
      <c r="B75" s="34"/>
      <c r="C75" s="101"/>
      <c r="D75" s="102"/>
      <c r="E75" s="102"/>
      <c r="F75" s="102"/>
      <c r="G75" s="103"/>
      <c r="H75" s="290"/>
      <c r="I75" s="291"/>
      <c r="J75" s="291"/>
      <c r="K75" s="291"/>
      <c r="L75" s="291"/>
      <c r="M75" s="292"/>
      <c r="N75" s="101"/>
      <c r="O75" s="102"/>
      <c r="P75" s="102"/>
      <c r="Q75" s="103"/>
      <c r="R75" s="101"/>
      <c r="S75" s="102"/>
      <c r="T75" s="102"/>
      <c r="U75" s="102"/>
      <c r="V75" s="103"/>
      <c r="W75" s="296"/>
      <c r="X75" s="297"/>
      <c r="Y75" s="297"/>
      <c r="Z75" s="297"/>
      <c r="AA75" s="297"/>
      <c r="AB75" s="297"/>
      <c r="AC75" s="297"/>
      <c r="AD75" s="297"/>
      <c r="AE75" s="297"/>
      <c r="AF75" s="297"/>
      <c r="AG75" s="298"/>
      <c r="AH75" s="153"/>
      <c r="AI75" s="154"/>
      <c r="AJ75" s="154"/>
      <c r="AK75" s="155"/>
      <c r="AL75" s="153"/>
      <c r="AM75" s="154"/>
      <c r="AN75" s="154"/>
      <c r="AO75" s="155"/>
      <c r="AP75" s="153"/>
      <c r="AQ75" s="154"/>
      <c r="AR75" s="155"/>
      <c r="AS75" s="162"/>
      <c r="AT75" s="163"/>
      <c r="AU75" s="164"/>
      <c r="AV75" s="162"/>
      <c r="AW75" s="163"/>
      <c r="AX75" s="163"/>
      <c r="AY75" s="164"/>
      <c r="AZ75" s="110"/>
      <c r="BA75" s="111"/>
      <c r="BB75" s="111"/>
      <c r="BC75" s="112"/>
      <c r="BD75" s="12"/>
      <c r="BE75" s="39"/>
      <c r="BF75" s="40"/>
    </row>
    <row r="76" spans="2:64" ht="21" customHeight="1" x14ac:dyDescent="0.15">
      <c r="B76" s="34"/>
      <c r="C76" s="98"/>
      <c r="D76" s="99"/>
      <c r="E76" s="99"/>
      <c r="F76" s="99"/>
      <c r="G76" s="100"/>
      <c r="H76" s="104"/>
      <c r="I76" s="105"/>
      <c r="J76" s="105"/>
      <c r="K76" s="105"/>
      <c r="L76" s="105"/>
      <c r="M76" s="106"/>
      <c r="N76" s="98"/>
      <c r="O76" s="99"/>
      <c r="P76" s="99"/>
      <c r="Q76" s="100"/>
      <c r="R76" s="98"/>
      <c r="S76" s="99"/>
      <c r="T76" s="99"/>
      <c r="U76" s="99"/>
      <c r="V76" s="100"/>
      <c r="W76" s="293"/>
      <c r="X76" s="294"/>
      <c r="Y76" s="294"/>
      <c r="Z76" s="294"/>
      <c r="AA76" s="294"/>
      <c r="AB76" s="294"/>
      <c r="AC76" s="294"/>
      <c r="AD76" s="294"/>
      <c r="AE76" s="294"/>
      <c r="AF76" s="294"/>
      <c r="AG76" s="295"/>
      <c r="AH76" s="150"/>
      <c r="AI76" s="151"/>
      <c r="AJ76" s="151"/>
      <c r="AK76" s="152"/>
      <c r="AL76" s="150"/>
      <c r="AM76" s="151"/>
      <c r="AN76" s="151"/>
      <c r="AO76" s="152"/>
      <c r="AP76" s="150"/>
      <c r="AQ76" s="151"/>
      <c r="AR76" s="152"/>
      <c r="AS76" s="156"/>
      <c r="AT76" s="157"/>
      <c r="AU76" s="158"/>
      <c r="AV76" s="156"/>
      <c r="AW76" s="157"/>
      <c r="AX76" s="157"/>
      <c r="AY76" s="158"/>
      <c r="AZ76" s="107"/>
      <c r="BA76" s="108"/>
      <c r="BB76" s="108"/>
      <c r="BC76" s="109"/>
      <c r="BD76" s="12"/>
      <c r="BE76" s="39"/>
      <c r="BF76" s="40"/>
    </row>
    <row r="77" spans="2:64" ht="21" customHeight="1" thickBot="1" x14ac:dyDescent="0.2">
      <c r="B77" s="34"/>
      <c r="C77" s="101"/>
      <c r="D77" s="102"/>
      <c r="E77" s="102"/>
      <c r="F77" s="102"/>
      <c r="G77" s="103"/>
      <c r="H77" s="101"/>
      <c r="I77" s="102"/>
      <c r="J77" s="102"/>
      <c r="K77" s="102"/>
      <c r="L77" s="102"/>
      <c r="M77" s="103"/>
      <c r="N77" s="101"/>
      <c r="O77" s="102"/>
      <c r="P77" s="102"/>
      <c r="Q77" s="103"/>
      <c r="R77" s="101"/>
      <c r="S77" s="102"/>
      <c r="T77" s="102"/>
      <c r="U77" s="102"/>
      <c r="V77" s="103"/>
      <c r="W77" s="299"/>
      <c r="X77" s="300"/>
      <c r="Y77" s="300"/>
      <c r="Z77" s="300"/>
      <c r="AA77" s="300"/>
      <c r="AB77" s="300"/>
      <c r="AC77" s="300"/>
      <c r="AD77" s="300"/>
      <c r="AE77" s="300"/>
      <c r="AF77" s="300"/>
      <c r="AG77" s="301"/>
      <c r="AH77" s="153"/>
      <c r="AI77" s="154"/>
      <c r="AJ77" s="154"/>
      <c r="AK77" s="155"/>
      <c r="AL77" s="153"/>
      <c r="AM77" s="154"/>
      <c r="AN77" s="154"/>
      <c r="AO77" s="155"/>
      <c r="AP77" s="153"/>
      <c r="AQ77" s="154"/>
      <c r="AR77" s="155"/>
      <c r="AS77" s="162"/>
      <c r="AT77" s="163"/>
      <c r="AU77" s="164"/>
      <c r="AV77" s="162"/>
      <c r="AW77" s="163"/>
      <c r="AX77" s="163"/>
      <c r="AY77" s="164"/>
      <c r="AZ77" s="110"/>
      <c r="BA77" s="111"/>
      <c r="BB77" s="111"/>
      <c r="BC77" s="112"/>
      <c r="BD77" s="12"/>
      <c r="BE77" s="39"/>
      <c r="BF77" s="40"/>
    </row>
    <row r="78" spans="2:64" ht="24.75" customHeight="1" thickTop="1" x14ac:dyDescent="0.15">
      <c r="B78" s="34"/>
      <c r="C78" s="125"/>
      <c r="D78" s="126"/>
      <c r="E78" s="126"/>
      <c r="F78" s="126"/>
      <c r="G78" s="127"/>
      <c r="H78" s="128"/>
      <c r="I78" s="128"/>
      <c r="J78" s="128"/>
      <c r="K78" s="128"/>
      <c r="L78" s="128"/>
      <c r="M78" s="128"/>
      <c r="N78" s="129"/>
      <c r="O78" s="130"/>
      <c r="P78" s="130"/>
      <c r="Q78" s="131"/>
      <c r="R78" s="129"/>
      <c r="S78" s="130"/>
      <c r="T78" s="130"/>
      <c r="U78" s="130"/>
      <c r="V78" s="130"/>
      <c r="W78" s="129"/>
      <c r="X78" s="130"/>
      <c r="Y78" s="130"/>
      <c r="Z78" s="130"/>
      <c r="AA78" s="130"/>
      <c r="AB78" s="130"/>
      <c r="AC78" s="130"/>
      <c r="AD78" s="130"/>
      <c r="AE78" s="130"/>
      <c r="AF78" s="130"/>
      <c r="AG78" s="131"/>
      <c r="AH78" s="63"/>
      <c r="AI78" s="64"/>
      <c r="AJ78" s="64"/>
      <c r="AK78" s="65"/>
      <c r="AL78" s="177"/>
      <c r="AM78" s="178"/>
      <c r="AN78" s="178"/>
      <c r="AO78" s="179"/>
      <c r="AP78" s="177"/>
      <c r="AQ78" s="178"/>
      <c r="AR78" s="179"/>
      <c r="AS78" s="177"/>
      <c r="AT78" s="178"/>
      <c r="AU78" s="179"/>
      <c r="AV78" s="177"/>
      <c r="AW78" s="178"/>
      <c r="AX78" s="178"/>
      <c r="AY78" s="179"/>
      <c r="AZ78" s="129"/>
      <c r="BA78" s="130"/>
      <c r="BB78" s="130"/>
      <c r="BC78" s="131"/>
      <c r="BD78" s="12"/>
      <c r="BE78" s="39"/>
      <c r="BF78" s="40"/>
    </row>
    <row r="79" spans="2:64" x14ac:dyDescent="0.15">
      <c r="B79" s="34"/>
      <c r="C79" s="10"/>
      <c r="D79" s="10"/>
      <c r="E79" s="10"/>
      <c r="F79" s="10"/>
      <c r="G79" s="11"/>
      <c r="H79" s="11"/>
      <c r="I79" s="11"/>
      <c r="J79" s="11"/>
      <c r="K79" s="11"/>
      <c r="L79" s="11"/>
      <c r="M79" s="11"/>
      <c r="N79" s="11"/>
      <c r="O79" s="11"/>
      <c r="P79" s="11"/>
      <c r="Q79" s="11"/>
      <c r="R79" s="11"/>
      <c r="S79" s="11"/>
      <c r="T79" s="12"/>
      <c r="U79" s="12"/>
      <c r="V79" s="11"/>
      <c r="W79" s="11"/>
      <c r="X79" s="11"/>
      <c r="Y79" s="11"/>
      <c r="Z79" s="11"/>
      <c r="AA79" s="11"/>
      <c r="AB79" s="11"/>
      <c r="AC79" s="11"/>
      <c r="AD79" s="11"/>
      <c r="AE79" s="11"/>
      <c r="AF79" s="11"/>
      <c r="AG79" s="11"/>
      <c r="AH79" s="11"/>
      <c r="AI79" s="11"/>
      <c r="AJ79" s="11"/>
      <c r="AK79" s="11"/>
      <c r="AL79" s="11"/>
      <c r="AM79" s="11"/>
      <c r="AN79" s="11"/>
      <c r="AO79" s="11"/>
      <c r="AP79" s="11"/>
      <c r="AQ79" s="11"/>
      <c r="AR79" s="11"/>
      <c r="AS79" s="11"/>
      <c r="AT79" s="11"/>
      <c r="AU79" s="11"/>
      <c r="AV79" s="11"/>
      <c r="AW79" s="11"/>
      <c r="AX79" s="11"/>
      <c r="AY79" s="11"/>
      <c r="AZ79" s="11"/>
      <c r="BA79" s="11"/>
      <c r="BB79" s="11"/>
      <c r="BC79" s="11"/>
      <c r="BD79" s="12"/>
      <c r="BE79" s="39"/>
      <c r="BF79" s="40"/>
    </row>
    <row r="80" spans="2:64" x14ac:dyDescent="0.15">
      <c r="B80" s="34"/>
      <c r="C80" s="4" t="s">
        <v>91</v>
      </c>
      <c r="D80" s="5"/>
      <c r="E80" s="5"/>
      <c r="F80" s="5"/>
      <c r="G80" s="5"/>
      <c r="H80" s="5"/>
      <c r="I80" s="5"/>
      <c r="J80" s="5"/>
      <c r="K80" s="5"/>
      <c r="L80" s="5"/>
      <c r="M80" s="5"/>
      <c r="N80" s="5"/>
      <c r="O80" s="5"/>
      <c r="P80" s="5"/>
      <c r="Q80" s="5"/>
      <c r="R80" s="5"/>
      <c r="S80" s="5"/>
      <c r="T80" s="5"/>
      <c r="U80" s="5"/>
      <c r="V80" s="5"/>
      <c r="W80" s="5"/>
      <c r="X80" s="5"/>
      <c r="Y80" s="5"/>
      <c r="Z80" s="5"/>
      <c r="AA80" s="5"/>
      <c r="AB80" s="5"/>
      <c r="AC80" s="5"/>
      <c r="AD80" s="5"/>
      <c r="AE80" s="5"/>
      <c r="AF80" s="5"/>
      <c r="AG80" s="5"/>
      <c r="AH80" s="5"/>
      <c r="AI80" s="5"/>
      <c r="AJ80" s="5"/>
      <c r="AK80" s="5"/>
      <c r="AL80" s="5"/>
      <c r="AM80" s="5"/>
      <c r="AN80" s="5"/>
      <c r="AO80" s="5"/>
      <c r="AP80" s="5"/>
      <c r="AQ80" s="6"/>
      <c r="AR80" s="6"/>
      <c r="AS80" s="6"/>
      <c r="AT80" s="6"/>
      <c r="AU80" s="6"/>
      <c r="AV80" s="6"/>
      <c r="AW80" s="6"/>
      <c r="AX80" s="6"/>
      <c r="AY80" s="6"/>
      <c r="AZ80" s="6"/>
      <c r="BA80" s="6"/>
      <c r="BB80" s="6"/>
      <c r="BC80" s="6"/>
      <c r="BD80" s="35"/>
      <c r="BE80" s="36"/>
      <c r="BF80" s="37"/>
      <c r="BG80" s="35"/>
      <c r="BJ80" s="35"/>
      <c r="BK80" s="38"/>
      <c r="BL80" s="38"/>
    </row>
    <row r="81" spans="2:59" ht="10.5" customHeight="1" x14ac:dyDescent="0.15">
      <c r="B81" s="34"/>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6"/>
      <c r="AR81" s="6"/>
      <c r="AS81" s="6"/>
      <c r="AT81" s="6"/>
      <c r="AU81" s="6"/>
      <c r="AV81" s="6"/>
      <c r="AW81" s="6"/>
      <c r="AX81" s="6"/>
      <c r="AY81" s="6"/>
      <c r="AZ81" s="84" t="s">
        <v>10</v>
      </c>
      <c r="BA81" s="84"/>
      <c r="BB81" s="84"/>
      <c r="BC81" s="84"/>
      <c r="BD81" s="12"/>
      <c r="BE81" s="36"/>
      <c r="BF81" s="37"/>
      <c r="BG81" s="35"/>
    </row>
    <row r="82" spans="2:59" ht="24.75" customHeight="1" x14ac:dyDescent="0.15">
      <c r="B82" s="34"/>
      <c r="C82" s="132" t="s">
        <v>13</v>
      </c>
      <c r="D82" s="133"/>
      <c r="E82" s="134"/>
      <c r="F82" s="132" t="s">
        <v>14</v>
      </c>
      <c r="G82" s="133"/>
      <c r="H82" s="133"/>
      <c r="I82" s="134"/>
      <c r="J82" s="132" t="s">
        <v>15</v>
      </c>
      <c r="K82" s="133"/>
      <c r="L82" s="133"/>
      <c r="M82" s="134"/>
      <c r="N82" s="132" t="s">
        <v>11</v>
      </c>
      <c r="O82" s="133"/>
      <c r="P82" s="134"/>
      <c r="Q82" s="132" t="s">
        <v>16</v>
      </c>
      <c r="R82" s="133"/>
      <c r="S82" s="134"/>
      <c r="T82" s="132" t="s">
        <v>25</v>
      </c>
      <c r="U82" s="133"/>
      <c r="V82" s="133"/>
      <c r="W82" s="133"/>
      <c r="X82" s="133"/>
      <c r="Y82" s="134"/>
      <c r="Z82" s="132" t="s">
        <v>17</v>
      </c>
      <c r="AA82" s="133"/>
      <c r="AB82" s="133"/>
      <c r="AC82" s="133"/>
      <c r="AD82" s="133"/>
      <c r="AE82" s="133"/>
      <c r="AF82" s="134"/>
      <c r="AG82" s="132" t="s">
        <v>18</v>
      </c>
      <c r="AH82" s="133"/>
      <c r="AI82" s="133"/>
      <c r="AJ82" s="134"/>
      <c r="AK82" s="132" t="s">
        <v>19</v>
      </c>
      <c r="AL82" s="133"/>
      <c r="AM82" s="133"/>
      <c r="AN82" s="134"/>
      <c r="AO82" s="132" t="s">
        <v>24</v>
      </c>
      <c r="AP82" s="133"/>
      <c r="AQ82" s="134"/>
      <c r="AR82" s="132" t="s">
        <v>8</v>
      </c>
      <c r="AS82" s="133"/>
      <c r="AT82" s="134"/>
      <c r="AU82" s="141" t="s">
        <v>20</v>
      </c>
      <c r="AV82" s="142"/>
      <c r="AW82" s="142"/>
      <c r="AX82" s="143"/>
      <c r="AY82" s="141" t="s">
        <v>9</v>
      </c>
      <c r="AZ82" s="142"/>
      <c r="BA82" s="142"/>
      <c r="BB82" s="142"/>
      <c r="BC82" s="143"/>
      <c r="BD82" s="12"/>
      <c r="BE82" s="39"/>
      <c r="BF82" s="40"/>
    </row>
    <row r="83" spans="2:59" ht="24.75" customHeight="1" x14ac:dyDescent="0.15">
      <c r="B83" s="34"/>
      <c r="C83" s="135"/>
      <c r="D83" s="136"/>
      <c r="E83" s="137"/>
      <c r="F83" s="135"/>
      <c r="G83" s="136"/>
      <c r="H83" s="136"/>
      <c r="I83" s="137"/>
      <c r="J83" s="135"/>
      <c r="K83" s="136"/>
      <c r="L83" s="136"/>
      <c r="M83" s="137"/>
      <c r="N83" s="135"/>
      <c r="O83" s="136"/>
      <c r="P83" s="137"/>
      <c r="Q83" s="135"/>
      <c r="R83" s="136"/>
      <c r="S83" s="137"/>
      <c r="T83" s="135"/>
      <c r="U83" s="136"/>
      <c r="V83" s="136"/>
      <c r="W83" s="136"/>
      <c r="X83" s="136"/>
      <c r="Y83" s="137"/>
      <c r="Z83" s="135"/>
      <c r="AA83" s="136"/>
      <c r="AB83" s="136"/>
      <c r="AC83" s="136"/>
      <c r="AD83" s="136"/>
      <c r="AE83" s="136"/>
      <c r="AF83" s="137"/>
      <c r="AG83" s="135"/>
      <c r="AH83" s="136"/>
      <c r="AI83" s="136"/>
      <c r="AJ83" s="137"/>
      <c r="AK83" s="135"/>
      <c r="AL83" s="136"/>
      <c r="AM83" s="136"/>
      <c r="AN83" s="137"/>
      <c r="AO83" s="135"/>
      <c r="AP83" s="136"/>
      <c r="AQ83" s="137"/>
      <c r="AR83" s="135"/>
      <c r="AS83" s="136"/>
      <c r="AT83" s="137"/>
      <c r="AU83" s="144"/>
      <c r="AV83" s="145"/>
      <c r="AW83" s="145"/>
      <c r="AX83" s="146"/>
      <c r="AY83" s="144"/>
      <c r="AZ83" s="145"/>
      <c r="BA83" s="145"/>
      <c r="BB83" s="145"/>
      <c r="BC83" s="146"/>
      <c r="BD83" s="12"/>
      <c r="BE83" s="39"/>
      <c r="BF83" s="40"/>
    </row>
    <row r="84" spans="2:59" ht="24.75" customHeight="1" x14ac:dyDescent="0.15">
      <c r="B84" s="34"/>
      <c r="C84" s="135"/>
      <c r="D84" s="136"/>
      <c r="E84" s="137"/>
      <c r="F84" s="135"/>
      <c r="G84" s="136"/>
      <c r="H84" s="136"/>
      <c r="I84" s="137"/>
      <c r="J84" s="135"/>
      <c r="K84" s="136"/>
      <c r="L84" s="136"/>
      <c r="M84" s="137"/>
      <c r="N84" s="135"/>
      <c r="O84" s="136"/>
      <c r="P84" s="137"/>
      <c r="Q84" s="135"/>
      <c r="R84" s="136"/>
      <c r="S84" s="137"/>
      <c r="T84" s="135"/>
      <c r="U84" s="136"/>
      <c r="V84" s="136"/>
      <c r="W84" s="136"/>
      <c r="X84" s="136"/>
      <c r="Y84" s="137"/>
      <c r="Z84" s="135"/>
      <c r="AA84" s="136"/>
      <c r="AB84" s="136"/>
      <c r="AC84" s="136"/>
      <c r="AD84" s="136"/>
      <c r="AE84" s="136"/>
      <c r="AF84" s="137"/>
      <c r="AG84" s="135"/>
      <c r="AH84" s="136"/>
      <c r="AI84" s="136"/>
      <c r="AJ84" s="137"/>
      <c r="AK84" s="135"/>
      <c r="AL84" s="136"/>
      <c r="AM84" s="136"/>
      <c r="AN84" s="137"/>
      <c r="AO84" s="135"/>
      <c r="AP84" s="136"/>
      <c r="AQ84" s="137"/>
      <c r="AR84" s="135"/>
      <c r="AS84" s="136"/>
      <c r="AT84" s="137"/>
      <c r="AU84" s="144"/>
      <c r="AV84" s="145"/>
      <c r="AW84" s="145"/>
      <c r="AX84" s="146"/>
      <c r="AY84" s="144"/>
      <c r="AZ84" s="145"/>
      <c r="BA84" s="145"/>
      <c r="BB84" s="145"/>
      <c r="BC84" s="146"/>
      <c r="BD84" s="12"/>
      <c r="BE84" s="39"/>
      <c r="BF84" s="40"/>
    </row>
    <row r="85" spans="2:59" ht="17.25" customHeight="1" x14ac:dyDescent="0.15">
      <c r="B85" s="34"/>
      <c r="C85" s="135"/>
      <c r="D85" s="136"/>
      <c r="E85" s="137"/>
      <c r="F85" s="135"/>
      <c r="G85" s="136"/>
      <c r="H85" s="136"/>
      <c r="I85" s="137"/>
      <c r="J85" s="135"/>
      <c r="K85" s="136"/>
      <c r="L85" s="136"/>
      <c r="M85" s="137"/>
      <c r="N85" s="135"/>
      <c r="O85" s="136"/>
      <c r="P85" s="137"/>
      <c r="Q85" s="135"/>
      <c r="R85" s="136"/>
      <c r="S85" s="137"/>
      <c r="T85" s="135"/>
      <c r="U85" s="136"/>
      <c r="V85" s="136"/>
      <c r="W85" s="136"/>
      <c r="X85" s="136"/>
      <c r="Y85" s="137"/>
      <c r="Z85" s="135"/>
      <c r="AA85" s="136"/>
      <c r="AB85" s="136"/>
      <c r="AC85" s="136"/>
      <c r="AD85" s="136"/>
      <c r="AE85" s="136"/>
      <c r="AF85" s="137"/>
      <c r="AG85" s="135"/>
      <c r="AH85" s="136"/>
      <c r="AI85" s="136"/>
      <c r="AJ85" s="137"/>
      <c r="AK85" s="135"/>
      <c r="AL85" s="136"/>
      <c r="AM85" s="136"/>
      <c r="AN85" s="137"/>
      <c r="AO85" s="135"/>
      <c r="AP85" s="136"/>
      <c r="AQ85" s="137"/>
      <c r="AR85" s="135"/>
      <c r="AS85" s="136"/>
      <c r="AT85" s="137"/>
      <c r="AU85" s="135" t="s">
        <v>58</v>
      </c>
      <c r="AV85" s="136"/>
      <c r="AW85" s="136"/>
      <c r="AX85" s="137"/>
      <c r="AY85" s="144"/>
      <c r="AZ85" s="145"/>
      <c r="BA85" s="145"/>
      <c r="BB85" s="145"/>
      <c r="BC85" s="146"/>
      <c r="BD85" s="12"/>
      <c r="BE85" s="39"/>
      <c r="BF85" s="40"/>
    </row>
    <row r="86" spans="2:59" ht="24.75" customHeight="1" x14ac:dyDescent="0.15">
      <c r="B86" s="34"/>
      <c r="C86" s="138"/>
      <c r="D86" s="139"/>
      <c r="E86" s="140"/>
      <c r="F86" s="138"/>
      <c r="G86" s="139"/>
      <c r="H86" s="139"/>
      <c r="I86" s="140"/>
      <c r="J86" s="138"/>
      <c r="K86" s="139"/>
      <c r="L86" s="139"/>
      <c r="M86" s="140"/>
      <c r="N86" s="138"/>
      <c r="O86" s="139"/>
      <c r="P86" s="140"/>
      <c r="Q86" s="138"/>
      <c r="R86" s="139"/>
      <c r="S86" s="140"/>
      <c r="T86" s="138"/>
      <c r="U86" s="139"/>
      <c r="V86" s="139"/>
      <c r="W86" s="139"/>
      <c r="X86" s="139"/>
      <c r="Y86" s="140"/>
      <c r="Z86" s="138"/>
      <c r="AA86" s="139"/>
      <c r="AB86" s="139"/>
      <c r="AC86" s="139"/>
      <c r="AD86" s="139"/>
      <c r="AE86" s="139"/>
      <c r="AF86" s="140"/>
      <c r="AG86" s="138"/>
      <c r="AH86" s="139"/>
      <c r="AI86" s="139"/>
      <c r="AJ86" s="140"/>
      <c r="AK86" s="138"/>
      <c r="AL86" s="139"/>
      <c r="AM86" s="139"/>
      <c r="AN86" s="140"/>
      <c r="AO86" s="138" t="s">
        <v>60</v>
      </c>
      <c r="AP86" s="139"/>
      <c r="AQ86" s="140"/>
      <c r="AR86" s="138" t="s">
        <v>61</v>
      </c>
      <c r="AS86" s="139"/>
      <c r="AT86" s="140"/>
      <c r="AU86" s="138"/>
      <c r="AV86" s="139"/>
      <c r="AW86" s="139"/>
      <c r="AX86" s="140"/>
      <c r="AY86" s="147"/>
      <c r="AZ86" s="148"/>
      <c r="BA86" s="148"/>
      <c r="BB86" s="148"/>
      <c r="BC86" s="149"/>
      <c r="BD86" s="12"/>
      <c r="BE86" s="39"/>
      <c r="BF86" s="40"/>
    </row>
    <row r="87" spans="2:59" ht="21" customHeight="1" x14ac:dyDescent="0.15">
      <c r="B87" s="34"/>
      <c r="C87" s="156"/>
      <c r="D87" s="157"/>
      <c r="E87" s="158"/>
      <c r="F87" s="156"/>
      <c r="G87" s="157"/>
      <c r="H87" s="157"/>
      <c r="I87" s="158"/>
      <c r="J87" s="156"/>
      <c r="K87" s="157"/>
      <c r="L87" s="157"/>
      <c r="M87" s="158"/>
      <c r="N87" s="165"/>
      <c r="O87" s="166"/>
      <c r="P87" s="167"/>
      <c r="Q87" s="165"/>
      <c r="R87" s="166"/>
      <c r="S87" s="167"/>
      <c r="T87" s="165"/>
      <c r="U87" s="166"/>
      <c r="V87" s="166"/>
      <c r="W87" s="166"/>
      <c r="X87" s="166"/>
      <c r="Y87" s="167"/>
      <c r="Z87" s="150"/>
      <c r="AA87" s="151"/>
      <c r="AB87" s="151"/>
      <c r="AC87" s="151"/>
      <c r="AD87" s="151"/>
      <c r="AE87" s="151"/>
      <c r="AF87" s="152"/>
      <c r="AG87" s="150"/>
      <c r="AH87" s="151"/>
      <c r="AI87" s="151"/>
      <c r="AJ87" s="152"/>
      <c r="AK87" s="150"/>
      <c r="AL87" s="151"/>
      <c r="AM87" s="151"/>
      <c r="AN87" s="152"/>
      <c r="AO87" s="150"/>
      <c r="AP87" s="151"/>
      <c r="AQ87" s="152"/>
      <c r="AR87" s="150"/>
      <c r="AS87" s="151"/>
      <c r="AT87" s="152"/>
      <c r="AU87" s="150"/>
      <c r="AV87" s="151"/>
      <c r="AW87" s="151"/>
      <c r="AX87" s="152"/>
      <c r="AY87" s="150"/>
      <c r="AZ87" s="151"/>
      <c r="BA87" s="151"/>
      <c r="BB87" s="151"/>
      <c r="BC87" s="152"/>
      <c r="BD87" s="12"/>
      <c r="BE87" s="39"/>
      <c r="BF87" s="40"/>
    </row>
    <row r="88" spans="2:59" ht="21" customHeight="1" x14ac:dyDescent="0.15">
      <c r="B88" s="34"/>
      <c r="C88" s="162"/>
      <c r="D88" s="163"/>
      <c r="E88" s="164"/>
      <c r="F88" s="162"/>
      <c r="G88" s="163"/>
      <c r="H88" s="163"/>
      <c r="I88" s="164"/>
      <c r="J88" s="162"/>
      <c r="K88" s="163"/>
      <c r="L88" s="163"/>
      <c r="M88" s="164"/>
      <c r="N88" s="168"/>
      <c r="O88" s="169"/>
      <c r="P88" s="170"/>
      <c r="Q88" s="168"/>
      <c r="R88" s="169"/>
      <c r="S88" s="170"/>
      <c r="T88" s="168"/>
      <c r="U88" s="169"/>
      <c r="V88" s="169"/>
      <c r="W88" s="169"/>
      <c r="X88" s="169"/>
      <c r="Y88" s="170"/>
      <c r="Z88" s="153"/>
      <c r="AA88" s="154"/>
      <c r="AB88" s="154"/>
      <c r="AC88" s="154"/>
      <c r="AD88" s="154"/>
      <c r="AE88" s="154"/>
      <c r="AF88" s="155"/>
      <c r="AG88" s="153"/>
      <c r="AH88" s="154"/>
      <c r="AI88" s="154"/>
      <c r="AJ88" s="155"/>
      <c r="AK88" s="153"/>
      <c r="AL88" s="154"/>
      <c r="AM88" s="154"/>
      <c r="AN88" s="155"/>
      <c r="AO88" s="153"/>
      <c r="AP88" s="154"/>
      <c r="AQ88" s="155"/>
      <c r="AR88" s="153"/>
      <c r="AS88" s="154"/>
      <c r="AT88" s="155"/>
      <c r="AU88" s="153"/>
      <c r="AV88" s="154"/>
      <c r="AW88" s="154"/>
      <c r="AX88" s="155"/>
      <c r="AY88" s="153"/>
      <c r="AZ88" s="154"/>
      <c r="BA88" s="154"/>
      <c r="BB88" s="154"/>
      <c r="BC88" s="155"/>
      <c r="BD88" s="12"/>
      <c r="BE88" s="39"/>
      <c r="BF88" s="40"/>
    </row>
    <row r="89" spans="2:59" ht="21" customHeight="1" x14ac:dyDescent="0.15">
      <c r="B89" s="34"/>
      <c r="C89" s="156"/>
      <c r="D89" s="157"/>
      <c r="E89" s="158"/>
      <c r="F89" s="156"/>
      <c r="G89" s="157"/>
      <c r="H89" s="157"/>
      <c r="I89" s="158"/>
      <c r="J89" s="156"/>
      <c r="K89" s="157"/>
      <c r="L89" s="157"/>
      <c r="M89" s="158"/>
      <c r="N89" s="165"/>
      <c r="O89" s="166"/>
      <c r="P89" s="167"/>
      <c r="Q89" s="165"/>
      <c r="R89" s="166"/>
      <c r="S89" s="167"/>
      <c r="T89" s="165"/>
      <c r="U89" s="166"/>
      <c r="V89" s="166"/>
      <c r="W89" s="166"/>
      <c r="X89" s="166"/>
      <c r="Y89" s="167"/>
      <c r="Z89" s="150"/>
      <c r="AA89" s="151"/>
      <c r="AB89" s="151"/>
      <c r="AC89" s="151"/>
      <c r="AD89" s="151"/>
      <c r="AE89" s="151"/>
      <c r="AF89" s="152"/>
      <c r="AG89" s="150"/>
      <c r="AH89" s="151"/>
      <c r="AI89" s="151"/>
      <c r="AJ89" s="152"/>
      <c r="AK89" s="150"/>
      <c r="AL89" s="151"/>
      <c r="AM89" s="151"/>
      <c r="AN89" s="152"/>
      <c r="AO89" s="150"/>
      <c r="AP89" s="151"/>
      <c r="AQ89" s="152"/>
      <c r="AR89" s="150"/>
      <c r="AS89" s="151"/>
      <c r="AT89" s="152"/>
      <c r="AU89" s="150"/>
      <c r="AV89" s="151"/>
      <c r="AW89" s="151"/>
      <c r="AX89" s="152"/>
      <c r="AY89" s="150"/>
      <c r="AZ89" s="151"/>
      <c r="BA89" s="151"/>
      <c r="BB89" s="151"/>
      <c r="BC89" s="152"/>
      <c r="BD89" s="12"/>
      <c r="BE89" s="39"/>
      <c r="BF89" s="40"/>
    </row>
    <row r="90" spans="2:59" ht="21" customHeight="1" thickBot="1" x14ac:dyDescent="0.2">
      <c r="B90" s="34"/>
      <c r="C90" s="159"/>
      <c r="D90" s="160"/>
      <c r="E90" s="161"/>
      <c r="F90" s="162"/>
      <c r="G90" s="163"/>
      <c r="H90" s="163"/>
      <c r="I90" s="164"/>
      <c r="J90" s="162"/>
      <c r="K90" s="163"/>
      <c r="L90" s="163"/>
      <c r="M90" s="164"/>
      <c r="N90" s="168"/>
      <c r="O90" s="169"/>
      <c r="P90" s="170"/>
      <c r="Q90" s="168"/>
      <c r="R90" s="169"/>
      <c r="S90" s="170"/>
      <c r="T90" s="171"/>
      <c r="U90" s="172"/>
      <c r="V90" s="172"/>
      <c r="W90" s="172"/>
      <c r="X90" s="172"/>
      <c r="Y90" s="173"/>
      <c r="Z90" s="153"/>
      <c r="AA90" s="154"/>
      <c r="AB90" s="154"/>
      <c r="AC90" s="154"/>
      <c r="AD90" s="154"/>
      <c r="AE90" s="154"/>
      <c r="AF90" s="155"/>
      <c r="AG90" s="153"/>
      <c r="AH90" s="154"/>
      <c r="AI90" s="154"/>
      <c r="AJ90" s="155"/>
      <c r="AK90" s="153"/>
      <c r="AL90" s="154"/>
      <c r="AM90" s="154"/>
      <c r="AN90" s="155"/>
      <c r="AO90" s="153"/>
      <c r="AP90" s="154"/>
      <c r="AQ90" s="155"/>
      <c r="AR90" s="153"/>
      <c r="AS90" s="154"/>
      <c r="AT90" s="155"/>
      <c r="AU90" s="153"/>
      <c r="AV90" s="154"/>
      <c r="AW90" s="154"/>
      <c r="AX90" s="155"/>
      <c r="AY90" s="153"/>
      <c r="AZ90" s="154"/>
      <c r="BA90" s="154"/>
      <c r="BB90" s="154"/>
      <c r="BC90" s="155"/>
      <c r="BD90" s="12"/>
      <c r="BE90" s="39"/>
      <c r="BF90" s="40"/>
    </row>
    <row r="91" spans="2:59" ht="24.75" customHeight="1" thickTop="1" x14ac:dyDescent="0.15">
      <c r="B91" s="34"/>
      <c r="C91" s="7"/>
      <c r="D91" s="8"/>
      <c r="E91" s="9"/>
      <c r="F91" s="7"/>
      <c r="G91" s="64"/>
      <c r="H91" s="64"/>
      <c r="I91" s="64"/>
      <c r="J91" s="63"/>
      <c r="K91" s="64"/>
      <c r="L91" s="64"/>
      <c r="M91" s="64"/>
      <c r="N91" s="63"/>
      <c r="O91" s="64"/>
      <c r="P91" s="65"/>
      <c r="Q91" s="63"/>
      <c r="R91" s="64"/>
      <c r="S91" s="65"/>
      <c r="T91" s="174"/>
      <c r="U91" s="175"/>
      <c r="V91" s="175"/>
      <c r="W91" s="175"/>
      <c r="X91" s="175"/>
      <c r="Y91" s="176"/>
      <c r="Z91" s="63"/>
      <c r="AA91" s="64"/>
      <c r="AB91" s="64"/>
      <c r="AC91" s="64"/>
      <c r="AD91" s="64"/>
      <c r="AE91" s="64"/>
      <c r="AF91" s="65"/>
      <c r="AG91" s="63"/>
      <c r="AH91" s="64"/>
      <c r="AI91" s="64"/>
      <c r="AJ91" s="65"/>
      <c r="AK91" s="177"/>
      <c r="AL91" s="178"/>
      <c r="AM91" s="178"/>
      <c r="AN91" s="179"/>
      <c r="AO91" s="177"/>
      <c r="AP91" s="178"/>
      <c r="AQ91" s="179"/>
      <c r="AR91" s="177"/>
      <c r="AS91" s="178"/>
      <c r="AT91" s="179"/>
      <c r="AU91" s="177"/>
      <c r="AV91" s="178"/>
      <c r="AW91" s="178"/>
      <c r="AX91" s="179"/>
      <c r="AY91" s="63"/>
      <c r="AZ91" s="64"/>
      <c r="BA91" s="64"/>
      <c r="BB91" s="64"/>
      <c r="BC91" s="65"/>
      <c r="BD91" s="12"/>
      <c r="BE91" s="39"/>
      <c r="BF91" s="40"/>
    </row>
    <row r="92" spans="2:59" ht="10.5" customHeight="1" x14ac:dyDescent="0.15">
      <c r="B92" s="48"/>
      <c r="C92" s="49"/>
      <c r="D92" s="49"/>
      <c r="E92" s="49"/>
      <c r="F92" s="49"/>
      <c r="G92" s="49"/>
      <c r="H92" s="49"/>
      <c r="I92" s="49"/>
      <c r="J92" s="49"/>
      <c r="K92" s="49"/>
      <c r="L92" s="49"/>
      <c r="M92" s="49"/>
      <c r="N92" s="49"/>
      <c r="O92" s="49"/>
      <c r="P92" s="49"/>
      <c r="Q92" s="49"/>
      <c r="R92" s="49"/>
      <c r="S92" s="49"/>
      <c r="T92" s="49"/>
      <c r="U92" s="49"/>
      <c r="V92" s="49"/>
      <c r="W92" s="49"/>
      <c r="X92" s="49"/>
      <c r="Y92" s="49"/>
      <c r="Z92" s="49"/>
      <c r="AA92" s="50"/>
      <c r="AB92" s="50"/>
      <c r="AC92" s="50"/>
      <c r="AD92" s="50"/>
      <c r="AE92" s="50"/>
      <c r="AF92" s="50"/>
      <c r="AG92" s="50"/>
      <c r="AH92" s="50"/>
      <c r="AI92" s="50"/>
      <c r="AJ92" s="50"/>
      <c r="AK92" s="50"/>
      <c r="AL92" s="50"/>
      <c r="AM92" s="50"/>
      <c r="AN92" s="50"/>
      <c r="AO92" s="50"/>
      <c r="AP92" s="50"/>
      <c r="AQ92" s="50"/>
      <c r="AR92" s="50"/>
      <c r="AS92" s="50"/>
      <c r="AT92" s="50"/>
      <c r="AU92" s="51"/>
      <c r="AV92" s="51"/>
      <c r="AW92" s="51"/>
      <c r="AX92" s="51"/>
      <c r="AY92" s="51"/>
      <c r="AZ92" s="51"/>
      <c r="BA92" s="51"/>
      <c r="BB92" s="52"/>
      <c r="BC92" s="52"/>
      <c r="BD92" s="50"/>
      <c r="BE92" s="53"/>
      <c r="BF92" s="40"/>
    </row>
    <row r="93" spans="2:59" ht="10.5" customHeight="1" x14ac:dyDescent="0.15">
      <c r="B93" s="34"/>
      <c r="C93" s="5"/>
      <c r="D93" s="5"/>
      <c r="E93" s="5"/>
      <c r="F93" s="5"/>
      <c r="G93" s="5"/>
      <c r="H93" s="5"/>
      <c r="I93" s="5"/>
      <c r="J93" s="5"/>
      <c r="K93" s="5"/>
      <c r="L93" s="5"/>
      <c r="M93" s="5"/>
      <c r="N93" s="5"/>
      <c r="O93" s="5"/>
      <c r="P93" s="5"/>
      <c r="Q93" s="5"/>
      <c r="R93" s="5"/>
      <c r="S93" s="5"/>
      <c r="T93" s="5"/>
      <c r="U93" s="5"/>
      <c r="V93" s="5"/>
      <c r="W93" s="5"/>
      <c r="X93" s="5"/>
      <c r="Y93" s="5"/>
      <c r="Z93" s="5"/>
      <c r="AA93" s="6"/>
      <c r="AB93" s="6"/>
      <c r="AC93" s="6"/>
      <c r="AD93" s="6"/>
      <c r="AE93" s="6"/>
      <c r="AF93" s="6"/>
      <c r="AG93" s="6"/>
      <c r="AH93" s="6"/>
      <c r="AI93" s="6"/>
      <c r="AJ93" s="6"/>
      <c r="AK93" s="6"/>
      <c r="AL93" s="6"/>
      <c r="AM93" s="6"/>
      <c r="AN93" s="6"/>
      <c r="AO93" s="6"/>
      <c r="AP93" s="6"/>
      <c r="AQ93" s="6"/>
      <c r="AR93" s="6"/>
      <c r="AS93" s="6"/>
      <c r="AT93" s="6"/>
      <c r="AU93" s="35"/>
      <c r="AV93" s="35"/>
      <c r="AW93" s="35"/>
      <c r="AX93" s="35"/>
      <c r="AY93" s="35"/>
      <c r="AZ93" s="35"/>
      <c r="BA93" s="35"/>
      <c r="BB93" s="38"/>
      <c r="BC93" s="38"/>
      <c r="BD93" s="6"/>
      <c r="BE93" s="44"/>
      <c r="BF93" s="40"/>
    </row>
    <row r="94" spans="2:59" ht="10.5" customHeight="1" x14ac:dyDescent="0.15">
      <c r="B94" s="54"/>
      <c r="C94" s="22"/>
      <c r="D94" s="68"/>
      <c r="E94" s="68"/>
      <c r="F94" s="68"/>
      <c r="G94" s="68"/>
      <c r="H94" s="68"/>
      <c r="I94" s="68"/>
      <c r="J94" s="68"/>
      <c r="K94" s="68"/>
      <c r="L94" s="68"/>
      <c r="M94" s="68"/>
      <c r="N94" s="68"/>
      <c r="O94" s="68"/>
      <c r="P94" s="68"/>
      <c r="Q94" s="68"/>
      <c r="R94" s="68"/>
      <c r="S94" s="68"/>
      <c r="T94" s="68"/>
      <c r="U94" s="68"/>
      <c r="V94" s="68"/>
      <c r="W94" s="68"/>
      <c r="X94" s="68"/>
      <c r="Y94" s="68"/>
      <c r="Z94" s="68"/>
      <c r="AA94" s="68"/>
      <c r="AB94" s="68"/>
      <c r="AC94" s="68"/>
      <c r="AD94" s="68"/>
      <c r="AE94" s="68"/>
      <c r="AF94" s="68"/>
      <c r="AG94" s="68"/>
      <c r="AH94" s="68"/>
      <c r="AI94" s="68"/>
      <c r="AJ94" s="68"/>
      <c r="AK94" s="68"/>
      <c r="AL94" s="68"/>
      <c r="AM94" s="68"/>
      <c r="AN94" s="68"/>
      <c r="AO94" s="68"/>
      <c r="AP94" s="68"/>
      <c r="AQ94" s="68"/>
      <c r="AR94" s="68"/>
      <c r="AS94" s="68"/>
      <c r="AT94" s="68"/>
      <c r="AU94" s="68"/>
      <c r="AV94" s="68"/>
      <c r="AW94" s="68"/>
      <c r="AX94" s="68"/>
      <c r="AY94" s="68"/>
      <c r="AZ94" s="68"/>
      <c r="BA94" s="68"/>
      <c r="BB94" s="68"/>
      <c r="BC94" s="68"/>
      <c r="BD94" s="55"/>
      <c r="BE94" s="56"/>
      <c r="BF94" s="40"/>
    </row>
    <row r="95" spans="2:59" ht="24" customHeight="1" x14ac:dyDescent="0.15">
      <c r="B95" s="302" t="s">
        <v>5</v>
      </c>
      <c r="C95" s="303"/>
      <c r="D95" s="303"/>
      <c r="E95" s="304"/>
      <c r="F95" s="302"/>
      <c r="G95" s="303"/>
      <c r="H95" s="303"/>
      <c r="I95" s="303"/>
      <c r="J95" s="304"/>
      <c r="K95" s="302" t="s">
        <v>3</v>
      </c>
      <c r="L95" s="303"/>
      <c r="M95" s="304"/>
      <c r="N95" s="302"/>
      <c r="O95" s="303"/>
      <c r="P95" s="303"/>
      <c r="Q95" s="303"/>
      <c r="R95" s="303"/>
      <c r="S95" s="303"/>
      <c r="T95" s="304"/>
      <c r="U95" s="302" t="s">
        <v>4</v>
      </c>
      <c r="V95" s="303"/>
      <c r="W95" s="304"/>
      <c r="X95" s="305"/>
      <c r="Y95" s="306"/>
      <c r="Z95" s="306"/>
      <c r="AA95" s="306"/>
      <c r="AB95" s="306"/>
      <c r="AC95" s="306"/>
      <c r="AD95" s="307"/>
      <c r="AE95" s="305" t="s">
        <v>12</v>
      </c>
      <c r="AF95" s="306"/>
      <c r="AG95" s="307"/>
      <c r="AH95" s="308"/>
      <c r="AI95" s="309"/>
      <c r="AJ95" s="309"/>
      <c r="AK95" s="309"/>
      <c r="AL95" s="309"/>
      <c r="AM95" s="309"/>
      <c r="AN95" s="309"/>
      <c r="AO95" s="309"/>
      <c r="AP95" s="309"/>
      <c r="AQ95" s="310"/>
      <c r="AR95" s="86" t="s">
        <v>62</v>
      </c>
      <c r="AS95" s="87"/>
      <c r="AT95" s="88"/>
      <c r="AU95" s="302"/>
      <c r="AV95" s="303"/>
      <c r="AW95" s="303"/>
      <c r="AX95" s="303"/>
      <c r="AY95" s="303"/>
      <c r="AZ95" s="303"/>
      <c r="BA95" s="303"/>
      <c r="BB95" s="303"/>
      <c r="BC95" s="303"/>
      <c r="BD95" s="57"/>
      <c r="BE95" s="58"/>
      <c r="BF95" s="40"/>
    </row>
    <row r="161" spans="4:19" x14ac:dyDescent="0.15">
      <c r="D161" s="59" t="s">
        <v>63</v>
      </c>
      <c r="S161" s="13" t="s">
        <v>63</v>
      </c>
    </row>
    <row r="162" spans="4:19" x14ac:dyDescent="0.15">
      <c r="D162" s="13" t="s">
        <v>64</v>
      </c>
      <c r="S162" s="13" t="s">
        <v>26</v>
      </c>
    </row>
    <row r="163" spans="4:19" x14ac:dyDescent="0.15">
      <c r="D163" s="13" t="s">
        <v>26</v>
      </c>
      <c r="S163" s="13" t="s">
        <v>27</v>
      </c>
    </row>
    <row r="164" spans="4:19" x14ac:dyDescent="0.15">
      <c r="D164" s="13" t="s">
        <v>27</v>
      </c>
      <c r="S164" s="13" t="s">
        <v>28</v>
      </c>
    </row>
    <row r="165" spans="4:19" x14ac:dyDescent="0.15">
      <c r="D165" s="13" t="s">
        <v>28</v>
      </c>
      <c r="S165" s="13" t="s">
        <v>29</v>
      </c>
    </row>
    <row r="166" spans="4:19" x14ac:dyDescent="0.15">
      <c r="D166" s="13" t="s">
        <v>29</v>
      </c>
      <c r="S166" s="59" t="s">
        <v>85</v>
      </c>
    </row>
    <row r="167" spans="4:19" x14ac:dyDescent="0.15">
      <c r="D167" s="13" t="s">
        <v>30</v>
      </c>
      <c r="S167" s="59" t="s">
        <v>35</v>
      </c>
    </row>
    <row r="168" spans="4:19" x14ac:dyDescent="0.15">
      <c r="D168" s="13" t="s">
        <v>65</v>
      </c>
      <c r="S168" s="59" t="s">
        <v>36</v>
      </c>
    </row>
    <row r="169" spans="4:19" x14ac:dyDescent="0.15">
      <c r="D169" s="13" t="s">
        <v>52</v>
      </c>
      <c r="S169" s="59" t="s">
        <v>37</v>
      </c>
    </row>
    <row r="170" spans="4:19" x14ac:dyDescent="0.15">
      <c r="D170" s="13" t="s">
        <v>31</v>
      </c>
      <c r="S170" s="59" t="s">
        <v>38</v>
      </c>
    </row>
    <row r="171" spans="4:19" x14ac:dyDescent="0.15">
      <c r="D171" s="13" t="s">
        <v>32</v>
      </c>
      <c r="S171" s="59" t="s">
        <v>39</v>
      </c>
    </row>
    <row r="172" spans="4:19" x14ac:dyDescent="0.15">
      <c r="D172" s="13" t="s">
        <v>33</v>
      </c>
      <c r="S172" s="59" t="s">
        <v>41</v>
      </c>
    </row>
    <row r="173" spans="4:19" x14ac:dyDescent="0.15">
      <c r="D173" s="13" t="s">
        <v>34</v>
      </c>
      <c r="S173" s="59" t="s">
        <v>42</v>
      </c>
    </row>
    <row r="174" spans="4:19" x14ac:dyDescent="0.15">
      <c r="D174" s="13" t="s">
        <v>66</v>
      </c>
      <c r="S174" s="59" t="s">
        <v>43</v>
      </c>
    </row>
    <row r="175" spans="4:19" x14ac:dyDescent="0.15">
      <c r="D175" s="59" t="s">
        <v>53</v>
      </c>
      <c r="S175" s="59" t="s">
        <v>44</v>
      </c>
    </row>
    <row r="176" spans="4:19" x14ac:dyDescent="0.15">
      <c r="D176" s="5" t="s">
        <v>35</v>
      </c>
      <c r="S176" s="59" t="s">
        <v>45</v>
      </c>
    </row>
    <row r="177" spans="4:19" x14ac:dyDescent="0.15">
      <c r="D177" s="5" t="s">
        <v>36</v>
      </c>
      <c r="S177" s="59" t="s">
        <v>47</v>
      </c>
    </row>
    <row r="178" spans="4:19" x14ac:dyDescent="0.15">
      <c r="D178" s="13" t="s">
        <v>37</v>
      </c>
      <c r="S178" s="59" t="s">
        <v>48</v>
      </c>
    </row>
    <row r="179" spans="4:19" x14ac:dyDescent="0.15">
      <c r="D179" s="13" t="s">
        <v>38</v>
      </c>
      <c r="S179" s="59" t="s">
        <v>49</v>
      </c>
    </row>
    <row r="180" spans="4:19" x14ac:dyDescent="0.15">
      <c r="D180" s="13" t="s">
        <v>39</v>
      </c>
      <c r="S180" s="59" t="s">
        <v>50</v>
      </c>
    </row>
    <row r="181" spans="4:19" x14ac:dyDescent="0.15">
      <c r="D181" s="13" t="s">
        <v>40</v>
      </c>
      <c r="S181" s="59" t="s">
        <v>51</v>
      </c>
    </row>
    <row r="182" spans="4:19" x14ac:dyDescent="0.15">
      <c r="D182" s="13" t="s">
        <v>54</v>
      </c>
    </row>
    <row r="183" spans="4:19" x14ac:dyDescent="0.15">
      <c r="D183" s="13" t="s">
        <v>41</v>
      </c>
    </row>
    <row r="184" spans="4:19" x14ac:dyDescent="0.15">
      <c r="D184" s="13" t="s">
        <v>55</v>
      </c>
    </row>
    <row r="185" spans="4:19" x14ac:dyDescent="0.15">
      <c r="D185" s="13" t="s">
        <v>42</v>
      </c>
    </row>
    <row r="186" spans="4:19" x14ac:dyDescent="0.15">
      <c r="D186" s="13" t="s">
        <v>43</v>
      </c>
    </row>
    <row r="187" spans="4:19" x14ac:dyDescent="0.15">
      <c r="D187" s="13" t="s">
        <v>44</v>
      </c>
    </row>
    <row r="188" spans="4:19" x14ac:dyDescent="0.15">
      <c r="D188" s="13" t="s">
        <v>45</v>
      </c>
    </row>
    <row r="189" spans="4:19" x14ac:dyDescent="0.15">
      <c r="D189" s="13" t="s">
        <v>46</v>
      </c>
    </row>
    <row r="190" spans="4:19" x14ac:dyDescent="0.15">
      <c r="D190" s="13" t="s">
        <v>47</v>
      </c>
    </row>
    <row r="191" spans="4:19" x14ac:dyDescent="0.15">
      <c r="D191" s="5" t="s">
        <v>48</v>
      </c>
    </row>
    <row r="192" spans="4:19" x14ac:dyDescent="0.15">
      <c r="D192" s="5" t="s">
        <v>49</v>
      </c>
    </row>
    <row r="193" spans="4:4" x14ac:dyDescent="0.15">
      <c r="D193" s="13" t="s">
        <v>50</v>
      </c>
    </row>
    <row r="194" spans="4:4" x14ac:dyDescent="0.15">
      <c r="D194" s="13" t="s">
        <v>51</v>
      </c>
    </row>
  </sheetData>
  <dataConsolidate/>
  <mergeCells count="329">
    <mergeCell ref="AU89:AX90"/>
    <mergeCell ref="AY89:BC90"/>
    <mergeCell ref="T91:Y91"/>
    <mergeCell ref="AK91:AN91"/>
    <mergeCell ref="AO91:AQ91"/>
    <mergeCell ref="AR91:AT91"/>
    <mergeCell ref="AU91:AX91"/>
    <mergeCell ref="AR87:AT88"/>
    <mergeCell ref="AU87:AX88"/>
    <mergeCell ref="AY87:BC88"/>
    <mergeCell ref="C89:E90"/>
    <mergeCell ref="F89:I90"/>
    <mergeCell ref="J89:M90"/>
    <mergeCell ref="N89:P90"/>
    <mergeCell ref="Q89:S90"/>
    <mergeCell ref="T89:Y90"/>
    <mergeCell ref="Z89:AF90"/>
    <mergeCell ref="AY82:BC86"/>
    <mergeCell ref="AU85:AX86"/>
    <mergeCell ref="AO86:AQ86"/>
    <mergeCell ref="AR86:AT86"/>
    <mergeCell ref="C87:E88"/>
    <mergeCell ref="F87:I88"/>
    <mergeCell ref="J87:M88"/>
    <mergeCell ref="N87:P88"/>
    <mergeCell ref="Q87:S88"/>
    <mergeCell ref="T87:Y88"/>
    <mergeCell ref="Z82:AF86"/>
    <mergeCell ref="AG82:AJ86"/>
    <mergeCell ref="AK82:AN86"/>
    <mergeCell ref="AO82:AQ85"/>
    <mergeCell ref="AR82:AT85"/>
    <mergeCell ref="AU82:AX84"/>
    <mergeCell ref="C82:E86"/>
    <mergeCell ref="AR95:AT95"/>
    <mergeCell ref="AU95:BC95"/>
    <mergeCell ref="AZ81:BC81"/>
    <mergeCell ref="B95:E95"/>
    <mergeCell ref="F95:J95"/>
    <mergeCell ref="K95:M95"/>
    <mergeCell ref="N95:T95"/>
    <mergeCell ref="U95:W95"/>
    <mergeCell ref="X95:AD95"/>
    <mergeCell ref="AE95:AG95"/>
    <mergeCell ref="AH95:AQ95"/>
    <mergeCell ref="F82:I86"/>
    <mergeCell ref="J82:M86"/>
    <mergeCell ref="N82:P86"/>
    <mergeCell ref="Q82:S86"/>
    <mergeCell ref="AG89:AJ90"/>
    <mergeCell ref="AK89:AN90"/>
    <mergeCell ref="AO89:AQ90"/>
    <mergeCell ref="AR89:AT90"/>
    <mergeCell ref="Z87:AF88"/>
    <mergeCell ref="AG87:AJ88"/>
    <mergeCell ref="AK87:AN88"/>
    <mergeCell ref="AO87:AQ88"/>
    <mergeCell ref="T82:Y86"/>
    <mergeCell ref="AP78:AR78"/>
    <mergeCell ref="AS78:AU78"/>
    <mergeCell ref="AV78:AY78"/>
    <mergeCell ref="AZ78:BC78"/>
    <mergeCell ref="C78:G78"/>
    <mergeCell ref="H78:M78"/>
    <mergeCell ref="N78:Q78"/>
    <mergeCell ref="R78:V78"/>
    <mergeCell ref="W78:AG78"/>
    <mergeCell ref="AL78:AO78"/>
    <mergeCell ref="AL76:AO77"/>
    <mergeCell ref="AP76:AR77"/>
    <mergeCell ref="AS76:AU77"/>
    <mergeCell ref="AV76:AY77"/>
    <mergeCell ref="AZ76:BC77"/>
    <mergeCell ref="H77:M77"/>
    <mergeCell ref="C76:G77"/>
    <mergeCell ref="H76:M76"/>
    <mergeCell ref="N76:Q77"/>
    <mergeCell ref="R76:V77"/>
    <mergeCell ref="W76:AG77"/>
    <mergeCell ref="AH76:AK77"/>
    <mergeCell ref="AL74:AO75"/>
    <mergeCell ref="AP74:AR75"/>
    <mergeCell ref="AS74:AU75"/>
    <mergeCell ref="AV74:AY75"/>
    <mergeCell ref="AZ74:BC75"/>
    <mergeCell ref="H75:M75"/>
    <mergeCell ref="C74:G75"/>
    <mergeCell ref="H74:M74"/>
    <mergeCell ref="N74:Q75"/>
    <mergeCell ref="R74:V75"/>
    <mergeCell ref="W74:AG75"/>
    <mergeCell ref="AH74:AK75"/>
    <mergeCell ref="C69:G72"/>
    <mergeCell ref="H69:M72"/>
    <mergeCell ref="N69:Q72"/>
    <mergeCell ref="R69:V72"/>
    <mergeCell ref="W69:AG73"/>
    <mergeCell ref="AH69:AK73"/>
    <mergeCell ref="AL69:AO72"/>
    <mergeCell ref="AP69:AR72"/>
    <mergeCell ref="AS69:AU72"/>
    <mergeCell ref="AU63:AX64"/>
    <mergeCell ref="AY63:BC64"/>
    <mergeCell ref="T65:Y65"/>
    <mergeCell ref="Z65:AF65"/>
    <mergeCell ref="AK65:AN65"/>
    <mergeCell ref="AO65:AQ65"/>
    <mergeCell ref="AR65:AT65"/>
    <mergeCell ref="AU65:AX65"/>
    <mergeCell ref="AV69:AY71"/>
    <mergeCell ref="AZ69:BC72"/>
    <mergeCell ref="AV72:AY73"/>
    <mergeCell ref="R73:V73"/>
    <mergeCell ref="AL73:AO73"/>
    <mergeCell ref="AP73:AR73"/>
    <mergeCell ref="AS73:AU73"/>
    <mergeCell ref="AZ68:BC68"/>
    <mergeCell ref="AY61:BC62"/>
    <mergeCell ref="C63:E64"/>
    <mergeCell ref="F63:I64"/>
    <mergeCell ref="J63:M64"/>
    <mergeCell ref="N63:P64"/>
    <mergeCell ref="Q63:S64"/>
    <mergeCell ref="T63:Y64"/>
    <mergeCell ref="Z63:AF64"/>
    <mergeCell ref="AG63:AJ64"/>
    <mergeCell ref="AK63:AN64"/>
    <mergeCell ref="Z61:AF62"/>
    <mergeCell ref="AG61:AJ62"/>
    <mergeCell ref="AK61:AN62"/>
    <mergeCell ref="AO61:AQ62"/>
    <mergeCell ref="AR61:AT62"/>
    <mergeCell ref="AU61:AX62"/>
    <mergeCell ref="C61:E62"/>
    <mergeCell ref="F61:I62"/>
    <mergeCell ref="J61:M62"/>
    <mergeCell ref="N61:P62"/>
    <mergeCell ref="Q61:S62"/>
    <mergeCell ref="T61:Y62"/>
    <mergeCell ref="AO63:AQ64"/>
    <mergeCell ref="AR63:AT64"/>
    <mergeCell ref="C56:E60"/>
    <mergeCell ref="F56:I60"/>
    <mergeCell ref="J56:M60"/>
    <mergeCell ref="N56:P60"/>
    <mergeCell ref="Q56:S60"/>
    <mergeCell ref="T56:Y60"/>
    <mergeCell ref="Z56:AF60"/>
    <mergeCell ref="AG56:AJ60"/>
    <mergeCell ref="AK56:AN60"/>
    <mergeCell ref="AU50:AX51"/>
    <mergeCell ref="AY50:BC51"/>
    <mergeCell ref="T52:Y52"/>
    <mergeCell ref="AK52:AN52"/>
    <mergeCell ref="AO52:AQ52"/>
    <mergeCell ref="AR52:AT52"/>
    <mergeCell ref="AU52:AX52"/>
    <mergeCell ref="AO56:AQ59"/>
    <mergeCell ref="AR56:AT59"/>
    <mergeCell ref="AU56:AX58"/>
    <mergeCell ref="AY56:BC60"/>
    <mergeCell ref="AU59:AX60"/>
    <mergeCell ref="AO60:AQ60"/>
    <mergeCell ref="AR60:AT60"/>
    <mergeCell ref="AZ55:BC55"/>
    <mergeCell ref="AY48:BC49"/>
    <mergeCell ref="C50:E51"/>
    <mergeCell ref="F50:I51"/>
    <mergeCell ref="J50:M51"/>
    <mergeCell ref="N50:P51"/>
    <mergeCell ref="Q50:S51"/>
    <mergeCell ref="T50:Y51"/>
    <mergeCell ref="Z50:AF51"/>
    <mergeCell ref="AG50:AJ51"/>
    <mergeCell ref="AK50:AN51"/>
    <mergeCell ref="Z48:AF49"/>
    <mergeCell ref="AG48:AJ49"/>
    <mergeCell ref="AK48:AN49"/>
    <mergeCell ref="AO48:AQ49"/>
    <mergeCell ref="AR48:AT49"/>
    <mergeCell ref="AU48:AX49"/>
    <mergeCell ref="C48:E49"/>
    <mergeCell ref="F48:I49"/>
    <mergeCell ref="J48:M49"/>
    <mergeCell ref="N48:P49"/>
    <mergeCell ref="Q48:S49"/>
    <mergeCell ref="T48:Y49"/>
    <mergeCell ref="AO50:AQ51"/>
    <mergeCell ref="AR50:AT51"/>
    <mergeCell ref="C43:E47"/>
    <mergeCell ref="F43:I47"/>
    <mergeCell ref="J43:M47"/>
    <mergeCell ref="N43:P47"/>
    <mergeCell ref="Q43:S47"/>
    <mergeCell ref="T43:Y47"/>
    <mergeCell ref="Z43:AF47"/>
    <mergeCell ref="AG43:AJ47"/>
    <mergeCell ref="AK43:AN47"/>
    <mergeCell ref="AU37:AX38"/>
    <mergeCell ref="AY37:BC38"/>
    <mergeCell ref="T39:Y39"/>
    <mergeCell ref="AK39:AN39"/>
    <mergeCell ref="AO39:AQ39"/>
    <mergeCell ref="AR39:AT39"/>
    <mergeCell ref="AU39:AX39"/>
    <mergeCell ref="AO43:AQ46"/>
    <mergeCell ref="AR43:AT46"/>
    <mergeCell ref="AU43:AX45"/>
    <mergeCell ref="AY43:BC47"/>
    <mergeCell ref="AU46:AX47"/>
    <mergeCell ref="AO47:AQ47"/>
    <mergeCell ref="AR47:AT47"/>
    <mergeCell ref="AZ42:BC42"/>
    <mergeCell ref="AY35:BC36"/>
    <mergeCell ref="C37:E38"/>
    <mergeCell ref="F37:I38"/>
    <mergeCell ref="J37:M38"/>
    <mergeCell ref="N37:P38"/>
    <mergeCell ref="Q37:S38"/>
    <mergeCell ref="T37:Y38"/>
    <mergeCell ref="Z37:AF38"/>
    <mergeCell ref="AG37:AJ38"/>
    <mergeCell ref="AK37:AN38"/>
    <mergeCell ref="Z35:AF36"/>
    <mergeCell ref="AG35:AJ36"/>
    <mergeCell ref="AK35:AN36"/>
    <mergeCell ref="AO35:AQ36"/>
    <mergeCell ref="AR35:AT36"/>
    <mergeCell ref="AU35:AX36"/>
    <mergeCell ref="C35:E36"/>
    <mergeCell ref="F35:I36"/>
    <mergeCell ref="J35:M36"/>
    <mergeCell ref="N35:P36"/>
    <mergeCell ref="Q35:S36"/>
    <mergeCell ref="T35:Y36"/>
    <mergeCell ref="AO37:AQ38"/>
    <mergeCell ref="AR37:AT38"/>
    <mergeCell ref="AZ26:BC26"/>
    <mergeCell ref="AZ29:BC29"/>
    <mergeCell ref="C30:E34"/>
    <mergeCell ref="F30:I34"/>
    <mergeCell ref="J30:M34"/>
    <mergeCell ref="N30:P34"/>
    <mergeCell ref="Q30:S34"/>
    <mergeCell ref="T30:Y34"/>
    <mergeCell ref="Z30:AF34"/>
    <mergeCell ref="X26:Z26"/>
    <mergeCell ref="AA26:AC26"/>
    <mergeCell ref="AG26:AI26"/>
    <mergeCell ref="AJ26:AM26"/>
    <mergeCell ref="AN26:AQ26"/>
    <mergeCell ref="AR26:AU26"/>
    <mergeCell ref="AG30:AJ34"/>
    <mergeCell ref="AK30:AN34"/>
    <mergeCell ref="AO30:AQ33"/>
    <mergeCell ref="AR30:AT33"/>
    <mergeCell ref="AU30:AX32"/>
    <mergeCell ref="AY30:BC34"/>
    <mergeCell ref="AU33:AX34"/>
    <mergeCell ref="AO34:AQ34"/>
    <mergeCell ref="AR34:AT34"/>
    <mergeCell ref="C26:G26"/>
    <mergeCell ref="H26:M26"/>
    <mergeCell ref="N26:Q26"/>
    <mergeCell ref="R26:T26"/>
    <mergeCell ref="U26:W26"/>
    <mergeCell ref="AG24:AI25"/>
    <mergeCell ref="AJ24:AM25"/>
    <mergeCell ref="AN24:AQ25"/>
    <mergeCell ref="AV26:AY26"/>
    <mergeCell ref="AR24:AU25"/>
    <mergeCell ref="AV24:AY25"/>
    <mergeCell ref="AZ24:BC25"/>
    <mergeCell ref="AZ22:BC23"/>
    <mergeCell ref="H23:M23"/>
    <mergeCell ref="C24:G25"/>
    <mergeCell ref="H24:M24"/>
    <mergeCell ref="N24:Q25"/>
    <mergeCell ref="R24:T25"/>
    <mergeCell ref="U24:W25"/>
    <mergeCell ref="X24:Z25"/>
    <mergeCell ref="AA24:AC25"/>
    <mergeCell ref="AD24:AF25"/>
    <mergeCell ref="AD22:AF23"/>
    <mergeCell ref="AG22:AI23"/>
    <mergeCell ref="AJ22:AM23"/>
    <mergeCell ref="AN22:AQ23"/>
    <mergeCell ref="AR22:AU23"/>
    <mergeCell ref="AV22:AY23"/>
    <mergeCell ref="H25:M25"/>
    <mergeCell ref="AN21:AQ21"/>
    <mergeCell ref="AR21:AU21"/>
    <mergeCell ref="AV21:AY21"/>
    <mergeCell ref="C22:G23"/>
    <mergeCell ref="H22:M22"/>
    <mergeCell ref="N22:Q23"/>
    <mergeCell ref="R22:T23"/>
    <mergeCell ref="U22:W23"/>
    <mergeCell ref="X22:Z23"/>
    <mergeCell ref="AA22:AC23"/>
    <mergeCell ref="U21:W21"/>
    <mergeCell ref="X21:Z21"/>
    <mergeCell ref="AA21:AC21"/>
    <mergeCell ref="AD21:AF21"/>
    <mergeCell ref="AG21:AI21"/>
    <mergeCell ref="AJ21:AM21"/>
    <mergeCell ref="B3:BE3"/>
    <mergeCell ref="B5:E5"/>
    <mergeCell ref="F5:X5"/>
    <mergeCell ref="B7:E7"/>
    <mergeCell ref="F7:L7"/>
    <mergeCell ref="M7:P7"/>
    <mergeCell ref="Q7:X7"/>
    <mergeCell ref="AV17:AY20"/>
    <mergeCell ref="AZ17:BC20"/>
    <mergeCell ref="X18:Z20"/>
    <mergeCell ref="AA18:AC20"/>
    <mergeCell ref="AD18:AF20"/>
    <mergeCell ref="AG18:AI20"/>
    <mergeCell ref="AZ16:BC16"/>
    <mergeCell ref="C17:G20"/>
    <mergeCell ref="H17:M20"/>
    <mergeCell ref="N17:Q20"/>
    <mergeCell ref="R17:T20"/>
    <mergeCell ref="U17:W20"/>
    <mergeCell ref="X17:AI17"/>
    <mergeCell ref="AJ17:AM20"/>
    <mergeCell ref="AN17:AQ20"/>
    <mergeCell ref="AR17:AU20"/>
  </mergeCells>
  <phoneticPr fontId="2"/>
  <dataValidations count="16">
    <dataValidation allowBlank="1" showInputMessage="1" showErrorMessage="1" promptTitle="千円単位" prompt="千円単位で記載してください" sqref="AL74:AR77 AK35:AQ38 AO61:AQ64 AK61 AK63 AO48:AQ51 AK48 AK50 AK87:AT90"/>
    <dataValidation allowBlank="1" showInputMessage="1" showErrorMessage="1" promptTitle="総事業費の1/2" prompt="総事業費の1/2を千円単位で入力してください" sqref="AS74:AU77 AR61:AT64 AR48:AT51"/>
    <dataValidation type="list" allowBlank="1" showInputMessage="1" showErrorMessage="1" promptTitle="ドロップダウンリストより選択してください。" prompt="ドロップダウンリストより選択してください。リストにない場合は、直接入力してください" sqref="C74:G77">
      <formula1>$D$161:$D$194</formula1>
    </dataValidation>
    <dataValidation type="list" allowBlank="1" showInputMessage="1" showErrorMessage="1" promptTitle="ドロップダウンリストより選択してください。" prompt="ドロップダウンリストより選択してください。" sqref="C50:E51 C63:E64">
      <formula1>$S$161:$S$165</formula1>
    </dataValidation>
    <dataValidation type="list" allowBlank="1" showInputMessage="1" showErrorMessage="1" promptTitle="ドロップダウンリストより選択してください。" prompt="ドロップダウンリストより選択してください。リストにない場合は、直接入力してください" sqref="C35:E38 C87:E90">
      <formula1>$S$166:$S$181</formula1>
    </dataValidation>
    <dataValidation type="list" allowBlank="1" showInputMessage="1" showErrorMessage="1" promptTitle="ドロップダウンリストより選択してください。" prompt="ドロップダウンリストより選択してください。リストにない場合は、直接入力してください" sqref="C48:E49 C61:E62">
      <formula1>$S$161:$S$165</formula1>
    </dataValidation>
    <dataValidation type="list" showInputMessage="1" showErrorMessage="1" errorTitle="ドロップダウンより選択してください" promptTitle="ドロップダウンより選択してください" prompt="ドロップダウンより「有」又は「無」を選択してください" sqref="AH74:AK77 AG48:AJ51 AG35:AJ38 AG61:AJ64 AG87:AJ90">
      <formula1>"有,無"</formula1>
    </dataValidation>
    <dataValidation type="list" showInputMessage="1" showErrorMessage="1" errorTitle="ドロップダウンリストより選択してください" promptTitle="ドロップダウンリストより選択してください" prompt="ドロップダウンより「有」又は「無」を選択してください" sqref="AJ22:AM25">
      <formula1>"有,無"</formula1>
    </dataValidation>
    <dataValidation allowBlank="1" showInputMessage="1" prompt="面積の小数点以下は四捨五入してください" sqref="U22:W25"/>
    <dataValidation allowBlank="1" showInputMessage="1" prompt="小数点以下は切り捨ててください" sqref="AV22:AY25"/>
    <dataValidation allowBlank="1" showInputMessage="1" prompt="実施要綱別表に記載する単価の範囲内で必要な金額を入力してください" sqref="AA22:AC25 AD24 AD22 AG22:AI25"/>
    <dataValidation allowBlank="1" showInputMessage="1" showErrorMessage="1" promptTitle="年月日を記載してください" prompt="書式設定を変更せずに、年月日を記載してください" sqref="Q37 N37 T37 Q35 N35 T35 Q50 N50 Q48 N48:P49 T50 T48 N74:Q77 Q63 N63 Q61 N61:P62 T63 T61 Q89 N89 T89 Q87 N87 T87"/>
    <dataValidation allowBlank="1" showInputMessage="1" showErrorMessage="1" promptTitle="千円単位で記載してください" prompt="小数点以下は切り捨て" sqref="AU61:AX64 AU35:AX38 AV74:AY77 AU48:AX51 AU87:AX90"/>
    <dataValidation type="list" allowBlank="1" showInputMessage="1" promptTitle="ドロップダウンリストより選択してください" prompt="ドロップダウンリストにない場合は、直接入力してください" sqref="C22:G25">
      <formula1>"軽費老人ホーム,小規模ケアハウス,都市型軽費老人ホーム,小規模多機能型居宅介護事業所,看護小規模多機能型居宅介護事業所,有料老人ホーム,通所介護事業所,地域密着型通所介護事業所,認知症対応型通所介護,生活支援ハウス等"</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370（千円）又は14，700（千円）を選択してください" sqref="AR37:AT38">
      <formula1>"7，580,15，120,7，730,15，400"</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580（千円）、7，730（千円）、15，120（千円）、15，400（千円）を選択してください" sqref="AR35:AT36">
      <formula1>"7，580,15，120,7，730,15，400"</formula1>
    </dataValidation>
  </dataValidations>
  <printOptions horizontalCentered="1"/>
  <pageMargins left="0.7" right="0.7" top="0.75" bottom="0.75" header="0.3" footer="0.3"/>
  <pageSetup paperSize="9" scale="60" fitToHeight="2" orientation="portrait" r:id="rId1"/>
  <headerFooter alignWithMargins="0"/>
  <rowBreaks count="1" manualBreakCount="1">
    <brk id="66" max="56" man="1"/>
  </rowBreaks>
  <colBreaks count="1" manualBreakCount="1">
    <brk id="57" max="95" man="1"/>
  </col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2AFCA1008E54FF4D813B0BCD847AF3AA" ma:contentTypeVersion="2" ma:contentTypeDescription="" ma:contentTypeScope="" ma:versionID="618a5e43f690aca81858c6f056b435e5">
  <xsd:schema xmlns:xsd="http://www.w3.org/2001/XMLSchema" xmlns:p="http://schemas.microsoft.com/office/2006/metadata/properties" xmlns:ns2="8B97BE19-CDDD-400E-817A-CFDD13F7EC12" targetNamespace="http://schemas.microsoft.com/office/2006/metadata/properties" ma:root="true" ma:fieldsID="6dfb103be64c84caafc238fb89ca001b" ns2:_="">
    <xsd:import namespace="8B97BE19-CDDD-400E-817A-CFDD13F7EC12"/>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5D3AFB99-C300-4AFC-A6F7-922E72BC4E8C}">
  <ds:schemaRefs>
    <ds:schemaRef ds:uri="http://purl.org/dc/dcmitype/"/>
    <ds:schemaRef ds:uri="http://purl.org/dc/elements/1.1/"/>
    <ds:schemaRef ds:uri="http://schemas.microsoft.com/office/2006/metadata/properties"/>
    <ds:schemaRef ds:uri="http://schemas.microsoft.com/office/2006/documentManagement/types"/>
    <ds:schemaRef ds:uri="http://purl.org/dc/terms/"/>
    <ds:schemaRef ds:uri="http://schemas.openxmlformats.org/package/2006/metadata/core-properties"/>
    <ds:schemaRef ds:uri="8B97BE19-CDDD-400E-817A-CFDD13F7EC12"/>
    <ds:schemaRef ds:uri="http://www.w3.org/XML/1998/namespace"/>
  </ds:schemaRefs>
</ds:datastoreItem>
</file>

<file path=customXml/itemProps2.xml><?xml version="1.0" encoding="utf-8"?>
<ds:datastoreItem xmlns:ds="http://schemas.openxmlformats.org/officeDocument/2006/customXml" ds:itemID="{B8313CD4-FD86-43F6-8D0E-49F98093068F}">
  <ds:schemaRefs>
    <ds:schemaRef ds:uri="http://schemas.microsoft.com/sharepoint/v3/contenttype/forms"/>
  </ds:schemaRefs>
</ds:datastoreItem>
</file>

<file path=customXml/itemProps3.xml><?xml version="1.0" encoding="utf-8"?>
<ds:datastoreItem xmlns:ds="http://schemas.openxmlformats.org/officeDocument/2006/customXml" ds:itemID="{A65B05FD-0BCC-430F-92DB-6711B75F8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添１ </vt:lpstr>
      <vt:lpstr>'別添１ '!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Administrator</cp:lastModifiedBy>
  <cp:lastPrinted>2020-04-09T09:13:31Z</cp:lastPrinted>
  <dcterms:created xsi:type="dcterms:W3CDTF">2006-02-06T12:59:08Z</dcterms:created>
  <dcterms:modified xsi:type="dcterms:W3CDTF">2020-04-09T09:13: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DA299AC048A4B8EA9C1D19079C1A322002AFCA1008E54FF4D813B0BCD847AF3AA</vt:lpwstr>
  </property>
</Properties>
</file>